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Override1.xml" ContentType="application/vnd.openxmlformats-officedocument.themeOverrid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1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48" r:id="rId4"/>
    <p:sldMasterId id="2147483666" r:id="rId5"/>
  </p:sldMasterIdLst>
  <p:notesMasterIdLst>
    <p:notesMasterId r:id="rId25"/>
  </p:notesMasterIdLst>
  <p:sldIdLst>
    <p:sldId id="256" r:id="rId6"/>
    <p:sldId id="2147469508" r:id="rId7"/>
    <p:sldId id="2147469502" r:id="rId8"/>
    <p:sldId id="2147469483" r:id="rId9"/>
    <p:sldId id="2147375708" r:id="rId10"/>
    <p:sldId id="2147375732" r:id="rId11"/>
    <p:sldId id="2147469486" r:id="rId12"/>
    <p:sldId id="2147469499" r:id="rId13"/>
    <p:sldId id="2147469500" r:id="rId14"/>
    <p:sldId id="296" r:id="rId15"/>
    <p:sldId id="2147469505" r:id="rId16"/>
    <p:sldId id="2147469501" r:id="rId17"/>
    <p:sldId id="2147469506" r:id="rId18"/>
    <p:sldId id="2147469507" r:id="rId19"/>
    <p:sldId id="276" r:id="rId20"/>
    <p:sldId id="2147469482" r:id="rId21"/>
    <p:sldId id="2147375710" r:id="rId22"/>
    <p:sldId id="2147375793" r:id="rId23"/>
    <p:sldId id="2147469498" r:id="rId24"/>
  </p:sldIdLst>
  <p:sldSz cx="9144000" cy="5143500" type="screen16x9"/>
  <p:notesSz cx="7315200" cy="9601200"/>
  <p:embeddedFontLst>
    <p:embeddedFont>
      <p:font typeface="Calibri" panose="020F0502020204030204" pitchFamily="34" charset="0"/>
      <p:regular r:id="rId26"/>
      <p:bold r:id="rId27"/>
      <p:italic r:id="rId28"/>
      <p:boldItalic r:id="rId29"/>
    </p:embeddedFont>
    <p:embeddedFont>
      <p:font typeface="Ericsson Hilda" panose="00000500000000000000" pitchFamily="2" charset="0"/>
      <p:regular r:id="rId30"/>
      <p:bold r:id="rId31"/>
      <p:italic r:id="rId32"/>
      <p:boldItalic r:id="rId33"/>
    </p:embeddedFont>
    <p:embeddedFont>
      <p:font typeface="Ericsson Hilda Light" panose="00000400000000000000" pitchFamily="2" charset="0"/>
      <p:regular r:id="rId34"/>
      <p:italic r:id="rId35"/>
    </p:embeddedFont>
    <p:embeddedFont>
      <p:font typeface="IntelOne Text Light" panose="020B0604020202020204" charset="0"/>
      <p:regular r:id="rId36"/>
      <p:italic r:id="rId37"/>
    </p:embeddedFont>
    <p:embeddedFont>
      <p:font typeface="Nunito" pitchFamily="2" charset="0"/>
      <p:regular r:id="rId38"/>
      <p:bold r:id="rId39"/>
      <p:italic r:id="rId40"/>
      <p:boldItalic r:id="rId41"/>
    </p:embeddedFont>
    <p:embeddedFont>
      <p:font typeface="Red Hat Display" panose="020B0604020202020204" charset="0"/>
      <p:regular r:id="rId42"/>
      <p:bold r:id="rId43"/>
      <p:italic r:id="rId44"/>
      <p:boldItalic r:id="rId45"/>
    </p:embeddedFont>
    <p:embeddedFont>
      <p:font typeface="Red Hat Text Medium" panose="020B0604020202020204" charset="0"/>
      <p:regular r:id="rId46"/>
      <p:bold r:id="rId47"/>
      <p:italic r:id="rId48"/>
      <p:boldItalic r:id="rId49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http://customooxmlschemas.google.com/">
      <go:slidesCustomData xmlns="" xmlns:mc="http://schemas.openxmlformats.org/markup-compatibility/2006" xmlns:mv="urn:schemas-microsoft-com:mac:vml" xmlns:c="http://schemas.openxmlformats.org/drawingml/2006/chart" xmlns:dgm="http://schemas.openxmlformats.org/drawingml/2006/diagram" xmlns:o="urn:schemas-microsoft-com:office:office" xmlns:v="urn:schemas-microsoft-com:vml" xmlns:pvml="urn:schemas-microsoft-com:office:powerpoint" xmlns:com="http://schemas.openxmlformats.org/drawingml/2006/compatibility" xmlns:p14="http://schemas.microsoft.com/office/powerpoint/2010/main" xmlns:p15="http://schemas.microsoft.com/office/powerpoint/2012/main" xmlns:ahyp="http://schemas.microsoft.com/office/drawing/2018/hyperlinkcolor" xmlns:go="http://customooxmlschemas.google.com/" r:id="rId68" roundtripDataSignature="AMtx7mh7uHY7GJifxQcLZhVkL2M1u6JK0A==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7D5F4B2C-0E83-A2A6-0B42-7F08D4EA3A31}" name="Tomas Fredberg" initials="TF" userId="S::tomas.fredberg@ericsson.com::4c888e0d-bd5a-4843-961c-47a355c4cb68" providerId="AD"/>
  <p188:author id="{27AD4455-24F8-F68B-D671-14767D2FC259}" name="Kjaergaard, Jens" initials="KJ" userId="S::jens.kristian.kjaergaard_ericsson.com#ext#@intel.onmicrosoft.com::096043be-9b3c-4741-8673-0e45101c6a4f" providerId="AD"/>
  <p188:author id="{F99D0E6C-3FF2-F65D-6378-D4F62DB7AFF9}" name="Griffin, John" initials="GJ" userId="S::john.griffin@intel.com::bdb63092-507d-4fe1-bbef-63b7df779301" providerId="AD"/>
  <p188:author id="{269E5B73-0013-927F-C0AA-87E0CE5370A9}" name="Jan Scheurich" initials="JS" userId="S::jan.scheurich@ericsson.com::0f96fdce-ddbd-4bab-8e03-f9f0f63ef781" providerId="AD"/>
  <p188:author id="{7E72FCE1-9DC1-D9D6-E602-92F16282B2B9}" name="Lynch, Michael A" initials="LMA" userId="S::michael.a.lynch@intel.com::4dd4ab53-e3ab-4046-a09d-441ce65f15a1" providerId="AD"/>
  <p188:author id="{3C7BC7EA-8302-BCEF-1792-5B5755C9C4E5}" name="Dimitrios Markou" initials="DM" userId="S::dimitrios.markou@ericsson.com::f3d15274-f365-49a7-8291-0b2d12aeecde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9D3DC"/>
    <a:srgbClr val="00FF00"/>
    <a:srgbClr val="FF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1841F09-5CB1-44F4-92B1-ACB2DDBF3F10}" v="8" dt="2024-02-16T13:00:35.26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203" d="100"/>
          <a:sy n="203" d="100"/>
        </p:scale>
        <p:origin x="594" y="144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font" Target="fonts/font1.fntdata"/><Relationship Id="rId39" Type="http://schemas.openxmlformats.org/officeDocument/2006/relationships/font" Target="fonts/font14.fntdata"/><Relationship Id="rId21" Type="http://schemas.openxmlformats.org/officeDocument/2006/relationships/slide" Target="slides/slide16.xml"/><Relationship Id="rId34" Type="http://schemas.openxmlformats.org/officeDocument/2006/relationships/font" Target="fonts/font9.fntdata"/><Relationship Id="rId42" Type="http://schemas.openxmlformats.org/officeDocument/2006/relationships/font" Target="fonts/font17.fntdata"/><Relationship Id="rId47" Type="http://schemas.openxmlformats.org/officeDocument/2006/relationships/font" Target="fonts/font22.fntdata"/><Relationship Id="rId68" Type="http://customschemas.google.com/relationships/presentationmetadata" Target="metadata"/><Relationship Id="rId7" Type="http://schemas.openxmlformats.org/officeDocument/2006/relationships/slide" Target="slides/slide2.xml"/><Relationship Id="rId71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9" Type="http://schemas.openxmlformats.org/officeDocument/2006/relationships/font" Target="fonts/font4.fntdata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font" Target="fonts/font7.fntdata"/><Relationship Id="rId37" Type="http://schemas.openxmlformats.org/officeDocument/2006/relationships/font" Target="fonts/font12.fntdata"/><Relationship Id="rId40" Type="http://schemas.openxmlformats.org/officeDocument/2006/relationships/font" Target="fonts/font15.fntdata"/><Relationship Id="rId45" Type="http://schemas.openxmlformats.org/officeDocument/2006/relationships/font" Target="fonts/font20.fntdata"/><Relationship Id="rId74" Type="http://schemas.microsoft.com/office/2015/10/relationships/revisionInfo" Target="revisionInfo.xml"/><Relationship Id="rId5" Type="http://schemas.openxmlformats.org/officeDocument/2006/relationships/slideMaster" Target="slideMasters/slideMaster2.xml"/><Relationship Id="rId19" Type="http://schemas.openxmlformats.org/officeDocument/2006/relationships/slide" Target="slides/slide14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font" Target="fonts/font2.fntdata"/><Relationship Id="rId30" Type="http://schemas.openxmlformats.org/officeDocument/2006/relationships/font" Target="fonts/font5.fntdata"/><Relationship Id="rId35" Type="http://schemas.openxmlformats.org/officeDocument/2006/relationships/font" Target="fonts/font10.fntdata"/><Relationship Id="rId43" Type="http://schemas.openxmlformats.org/officeDocument/2006/relationships/font" Target="fonts/font18.fntdata"/><Relationship Id="rId48" Type="http://schemas.openxmlformats.org/officeDocument/2006/relationships/font" Target="fonts/font23.fntdata"/><Relationship Id="rId69" Type="http://schemas.openxmlformats.org/officeDocument/2006/relationships/presProps" Target="presProps.xml"/><Relationship Id="rId8" Type="http://schemas.openxmlformats.org/officeDocument/2006/relationships/slide" Target="slides/slide3.xml"/><Relationship Id="rId72" Type="http://schemas.openxmlformats.org/officeDocument/2006/relationships/tableStyles" Target="tableStyles.xml"/><Relationship Id="rId3" Type="http://schemas.openxmlformats.org/officeDocument/2006/relationships/customXml" Target="../customXml/item3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8.fntdata"/><Relationship Id="rId38" Type="http://schemas.openxmlformats.org/officeDocument/2006/relationships/font" Target="fonts/font13.fntdata"/><Relationship Id="rId46" Type="http://schemas.openxmlformats.org/officeDocument/2006/relationships/font" Target="fonts/font21.fntdata"/><Relationship Id="rId20" Type="http://schemas.openxmlformats.org/officeDocument/2006/relationships/slide" Target="slides/slide15.xml"/><Relationship Id="rId41" Type="http://schemas.openxmlformats.org/officeDocument/2006/relationships/font" Target="fonts/font16.fntdata"/><Relationship Id="rId70" Type="http://schemas.openxmlformats.org/officeDocument/2006/relationships/viewProps" Target="viewProps.xml"/><Relationship Id="rId75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font" Target="fonts/font3.fntdata"/><Relationship Id="rId36" Type="http://schemas.openxmlformats.org/officeDocument/2006/relationships/font" Target="fonts/font11.fntdata"/><Relationship Id="rId49" Type="http://schemas.openxmlformats.org/officeDocument/2006/relationships/font" Target="fonts/font24.fntdata"/><Relationship Id="rId10" Type="http://schemas.openxmlformats.org/officeDocument/2006/relationships/slide" Target="slides/slide5.xml"/><Relationship Id="rId31" Type="http://schemas.openxmlformats.org/officeDocument/2006/relationships/font" Target="fonts/font6.fntdata"/><Relationship Id="rId44" Type="http://schemas.openxmlformats.org/officeDocument/2006/relationships/font" Target="fonts/font19.fntdata"/><Relationship Id="rId73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imitrios Markou" userId="f3d15274-f365-49a7-8291-0b2d12aeecde" providerId="ADAL" clId="{389A3761-AD64-4175-AA9B-4D955C08CDA4}"/>
    <pc:docChg chg="undo custSel addSld delSld modSld sldOrd">
      <pc:chgData name="Dimitrios Markou" userId="f3d15274-f365-49a7-8291-0b2d12aeecde" providerId="ADAL" clId="{389A3761-AD64-4175-AA9B-4D955C08CDA4}" dt="2024-02-08T10:34:27.870" v="626" actId="20577"/>
      <pc:docMkLst>
        <pc:docMk/>
      </pc:docMkLst>
      <pc:sldChg chg="modSp mod">
        <pc:chgData name="Dimitrios Markou" userId="f3d15274-f365-49a7-8291-0b2d12aeecde" providerId="ADAL" clId="{389A3761-AD64-4175-AA9B-4D955C08CDA4}" dt="2024-02-08T09:40:32.583" v="233" actId="1076"/>
        <pc:sldMkLst>
          <pc:docMk/>
          <pc:sldMk cId="0" sldId="256"/>
        </pc:sldMkLst>
        <pc:spChg chg="mod">
          <ac:chgData name="Dimitrios Markou" userId="f3d15274-f365-49a7-8291-0b2d12aeecde" providerId="ADAL" clId="{389A3761-AD64-4175-AA9B-4D955C08CDA4}" dt="2024-02-08T09:40:32.583" v="233" actId="1076"/>
          <ac:spMkLst>
            <pc:docMk/>
            <pc:sldMk cId="0" sldId="256"/>
            <ac:spMk id="6" creationId="{AD08FC6A-E318-4CBE-82E1-B6485388FCA0}"/>
          </ac:spMkLst>
        </pc:spChg>
        <pc:spChg chg="mod">
          <ac:chgData name="Dimitrios Markou" userId="f3d15274-f365-49a7-8291-0b2d12aeecde" providerId="ADAL" clId="{389A3761-AD64-4175-AA9B-4D955C08CDA4}" dt="2024-02-08T09:40:08.592" v="232" actId="404"/>
          <ac:spMkLst>
            <pc:docMk/>
            <pc:sldMk cId="0" sldId="256"/>
            <ac:spMk id="349" creationId="{00000000-0000-0000-0000-000000000000}"/>
          </ac:spMkLst>
        </pc:spChg>
        <pc:spChg chg="mod">
          <ac:chgData name="Dimitrios Markou" userId="f3d15274-f365-49a7-8291-0b2d12aeecde" providerId="ADAL" clId="{389A3761-AD64-4175-AA9B-4D955C08CDA4}" dt="2024-02-08T09:39:31.703" v="217" actId="1076"/>
          <ac:spMkLst>
            <pc:docMk/>
            <pc:sldMk cId="0" sldId="256"/>
            <ac:spMk id="350" creationId="{00000000-0000-0000-0000-000000000000}"/>
          </ac:spMkLst>
        </pc:spChg>
      </pc:sldChg>
      <pc:sldChg chg="modSp add mod ord">
        <pc:chgData name="Dimitrios Markou" userId="f3d15274-f365-49a7-8291-0b2d12aeecde" providerId="ADAL" clId="{389A3761-AD64-4175-AA9B-4D955C08CDA4}" dt="2024-02-07T16:22:58.380" v="95" actId="1076"/>
        <pc:sldMkLst>
          <pc:docMk/>
          <pc:sldMk cId="2389175636" sldId="296"/>
        </pc:sldMkLst>
        <pc:spChg chg="mod">
          <ac:chgData name="Dimitrios Markou" userId="f3d15274-f365-49a7-8291-0b2d12aeecde" providerId="ADAL" clId="{389A3761-AD64-4175-AA9B-4D955C08CDA4}" dt="2024-02-07T16:22:20.108" v="79" actId="1076"/>
          <ac:spMkLst>
            <pc:docMk/>
            <pc:sldMk cId="2389175636" sldId="296"/>
            <ac:spMk id="6" creationId="{276EB41C-5CA7-935C-B4F1-E44B59825520}"/>
          </ac:spMkLst>
        </pc:spChg>
        <pc:spChg chg="mod">
          <ac:chgData name="Dimitrios Markou" userId="f3d15274-f365-49a7-8291-0b2d12aeecde" providerId="ADAL" clId="{389A3761-AD64-4175-AA9B-4D955C08CDA4}" dt="2024-02-07T16:22:58.380" v="95" actId="1076"/>
          <ac:spMkLst>
            <pc:docMk/>
            <pc:sldMk cId="2389175636" sldId="296"/>
            <ac:spMk id="12" creationId="{94CBC197-A823-8A96-60BF-0CFB5AB5521A}"/>
          </ac:spMkLst>
        </pc:spChg>
        <pc:spChg chg="mod">
          <ac:chgData name="Dimitrios Markou" userId="f3d15274-f365-49a7-8291-0b2d12aeecde" providerId="ADAL" clId="{389A3761-AD64-4175-AA9B-4D955C08CDA4}" dt="2024-02-07T16:22:13.800" v="78" actId="14100"/>
          <ac:spMkLst>
            <pc:docMk/>
            <pc:sldMk cId="2389175636" sldId="296"/>
            <ac:spMk id="14" creationId="{76206CB1-8DAC-440C-8E28-25FEE660E590}"/>
          </ac:spMkLst>
        </pc:spChg>
        <pc:spChg chg="mod">
          <ac:chgData name="Dimitrios Markou" userId="f3d15274-f365-49a7-8291-0b2d12aeecde" providerId="ADAL" clId="{389A3761-AD64-4175-AA9B-4D955C08CDA4}" dt="2024-02-07T16:22:03.921" v="77" actId="404"/>
          <ac:spMkLst>
            <pc:docMk/>
            <pc:sldMk cId="2389175636" sldId="296"/>
            <ac:spMk id="17" creationId="{79B131F1-FB0B-A643-C0AE-9569CA26AD09}"/>
          </ac:spMkLst>
        </pc:spChg>
        <pc:spChg chg="mod">
          <ac:chgData name="Dimitrios Markou" userId="f3d15274-f365-49a7-8291-0b2d12aeecde" providerId="ADAL" clId="{389A3761-AD64-4175-AA9B-4D955C08CDA4}" dt="2024-02-07T16:22:50.556" v="94" actId="20577"/>
          <ac:spMkLst>
            <pc:docMk/>
            <pc:sldMk cId="2389175636" sldId="296"/>
            <ac:spMk id="29" creationId="{26EA95EB-E001-2E88-42EC-6E2BA7232402}"/>
          </ac:spMkLst>
        </pc:spChg>
      </pc:sldChg>
      <pc:sldChg chg="ord">
        <pc:chgData name="Dimitrios Markou" userId="f3d15274-f365-49a7-8291-0b2d12aeecde" providerId="ADAL" clId="{389A3761-AD64-4175-AA9B-4D955C08CDA4}" dt="2024-02-07T16:21:22.237" v="72"/>
        <pc:sldMkLst>
          <pc:docMk/>
          <pc:sldMk cId="876791639" sldId="2147469486"/>
        </pc:sldMkLst>
      </pc:sldChg>
      <pc:sldChg chg="mod ord modShow">
        <pc:chgData name="Dimitrios Markou" userId="f3d15274-f365-49a7-8291-0b2d12aeecde" providerId="ADAL" clId="{389A3761-AD64-4175-AA9B-4D955C08CDA4}" dt="2024-02-07T16:16:34.811" v="3"/>
        <pc:sldMkLst>
          <pc:docMk/>
          <pc:sldMk cId="322511853" sldId="2147469495"/>
        </pc:sldMkLst>
      </pc:sldChg>
      <pc:sldChg chg="mod ord modShow">
        <pc:chgData name="Dimitrios Markou" userId="f3d15274-f365-49a7-8291-0b2d12aeecde" providerId="ADAL" clId="{389A3761-AD64-4175-AA9B-4D955C08CDA4}" dt="2024-02-08T09:41:22.866" v="237" actId="729"/>
        <pc:sldMkLst>
          <pc:docMk/>
          <pc:sldMk cId="3199325313" sldId="2147469497"/>
        </pc:sldMkLst>
      </pc:sldChg>
      <pc:sldChg chg="mod ord modShow">
        <pc:chgData name="Dimitrios Markou" userId="f3d15274-f365-49a7-8291-0b2d12aeecde" providerId="ADAL" clId="{389A3761-AD64-4175-AA9B-4D955C08CDA4}" dt="2024-02-07T16:24:15.779" v="98"/>
        <pc:sldMkLst>
          <pc:docMk/>
          <pc:sldMk cId="1743331878" sldId="2147469498"/>
        </pc:sldMkLst>
      </pc:sldChg>
      <pc:sldChg chg="addSp delSp modSp add mod">
        <pc:chgData name="Dimitrios Markou" userId="f3d15274-f365-49a7-8291-0b2d12aeecde" providerId="ADAL" clId="{389A3761-AD64-4175-AA9B-4D955C08CDA4}" dt="2024-02-08T09:36:48.672" v="154" actId="14100"/>
        <pc:sldMkLst>
          <pc:docMk/>
          <pc:sldMk cId="2654244668" sldId="2147469499"/>
        </pc:sldMkLst>
        <pc:spChg chg="mod">
          <ac:chgData name="Dimitrios Markou" userId="f3d15274-f365-49a7-8291-0b2d12aeecde" providerId="ADAL" clId="{389A3761-AD64-4175-AA9B-4D955C08CDA4}" dt="2024-02-07T16:18:23.182" v="37" actId="207"/>
          <ac:spMkLst>
            <pc:docMk/>
            <pc:sldMk cId="2654244668" sldId="2147469499"/>
            <ac:spMk id="22" creationId="{DF665670-E2A0-4605-9504-3FE343B4D9A0}"/>
          </ac:spMkLst>
        </pc:spChg>
        <pc:spChg chg="add mod">
          <ac:chgData name="Dimitrios Markou" userId="f3d15274-f365-49a7-8291-0b2d12aeecde" providerId="ADAL" clId="{389A3761-AD64-4175-AA9B-4D955C08CDA4}" dt="2024-02-08T09:36:48.672" v="154" actId="14100"/>
          <ac:spMkLst>
            <pc:docMk/>
            <pc:sldMk cId="2654244668" sldId="2147469499"/>
            <ac:spMk id="27" creationId="{FF599738-3FB5-A1C4-2B35-C796CDF61338}"/>
          </ac:spMkLst>
        </pc:spChg>
        <pc:spChg chg="del">
          <ac:chgData name="Dimitrios Markou" userId="f3d15274-f365-49a7-8291-0b2d12aeecde" providerId="ADAL" clId="{389A3761-AD64-4175-AA9B-4D955C08CDA4}" dt="2024-02-07T16:18:26.702" v="38" actId="478"/>
          <ac:spMkLst>
            <pc:docMk/>
            <pc:sldMk cId="2654244668" sldId="2147469499"/>
            <ac:spMk id="38" creationId="{E9939C64-B135-41E6-8E6A-56C1B1526C04}"/>
          </ac:spMkLst>
        </pc:spChg>
        <pc:spChg chg="mod">
          <ac:chgData name="Dimitrios Markou" userId="f3d15274-f365-49a7-8291-0b2d12aeecde" providerId="ADAL" clId="{389A3761-AD64-4175-AA9B-4D955C08CDA4}" dt="2024-02-07T16:18:54.967" v="69" actId="20577"/>
          <ac:spMkLst>
            <pc:docMk/>
            <pc:sldMk cId="2654244668" sldId="2147469499"/>
            <ac:spMk id="39" creationId="{8F4F2E9B-1D65-4D0B-8C78-5E105A0CD52B}"/>
          </ac:spMkLst>
        </pc:spChg>
        <pc:spChg chg="mod">
          <ac:chgData name="Dimitrios Markou" userId="f3d15274-f365-49a7-8291-0b2d12aeecde" providerId="ADAL" clId="{389A3761-AD64-4175-AA9B-4D955C08CDA4}" dt="2024-02-07T16:16:49.340" v="11" actId="20577"/>
          <ac:spMkLst>
            <pc:docMk/>
            <pc:sldMk cId="2654244668" sldId="2147469499"/>
            <ac:spMk id="343" creationId="{58D1B885-28AA-4298-8A00-A4F98264C0F7}"/>
          </ac:spMkLst>
        </pc:spChg>
        <pc:cxnChg chg="mod">
          <ac:chgData name="Dimitrios Markou" userId="f3d15274-f365-49a7-8291-0b2d12aeecde" providerId="ADAL" clId="{389A3761-AD64-4175-AA9B-4D955C08CDA4}" dt="2024-02-07T16:18:37.921" v="40" actId="14100"/>
          <ac:cxnSpMkLst>
            <pc:docMk/>
            <pc:sldMk cId="2654244668" sldId="2147469499"/>
            <ac:cxnSpMk id="16" creationId="{80EB3160-F219-BF7D-FD12-29A3C6FCD798}"/>
          </ac:cxnSpMkLst>
        </pc:cxnChg>
        <pc:cxnChg chg="mod">
          <ac:chgData name="Dimitrios Markou" userId="f3d15274-f365-49a7-8291-0b2d12aeecde" providerId="ADAL" clId="{389A3761-AD64-4175-AA9B-4D955C08CDA4}" dt="2024-02-07T16:18:32.281" v="39" actId="14100"/>
          <ac:cxnSpMkLst>
            <pc:docMk/>
            <pc:sldMk cId="2654244668" sldId="2147469499"/>
            <ac:cxnSpMk id="64" creationId="{B1F47901-059B-433F-84D7-2F2147D2F4E6}"/>
          </ac:cxnSpMkLst>
        </pc:cxnChg>
      </pc:sldChg>
      <pc:sldChg chg="new del">
        <pc:chgData name="Dimitrios Markou" userId="f3d15274-f365-49a7-8291-0b2d12aeecde" providerId="ADAL" clId="{389A3761-AD64-4175-AA9B-4D955C08CDA4}" dt="2024-02-07T16:24:40.784" v="100" actId="2696"/>
        <pc:sldMkLst>
          <pc:docMk/>
          <pc:sldMk cId="793868634" sldId="2147469500"/>
        </pc:sldMkLst>
      </pc:sldChg>
      <pc:sldChg chg="modSp add mod ord">
        <pc:chgData name="Dimitrios Markou" userId="f3d15274-f365-49a7-8291-0b2d12aeecde" providerId="ADAL" clId="{389A3761-AD64-4175-AA9B-4D955C08CDA4}" dt="2024-02-07T16:25:05.988" v="134" actId="27636"/>
        <pc:sldMkLst>
          <pc:docMk/>
          <pc:sldMk cId="1790609588" sldId="2147469500"/>
        </pc:sldMkLst>
        <pc:spChg chg="mod">
          <ac:chgData name="Dimitrios Markou" userId="f3d15274-f365-49a7-8291-0b2d12aeecde" providerId="ADAL" clId="{389A3761-AD64-4175-AA9B-4D955C08CDA4}" dt="2024-02-07T16:25:05.988" v="134" actId="27636"/>
          <ac:spMkLst>
            <pc:docMk/>
            <pc:sldMk cId="1790609588" sldId="2147469500"/>
            <ac:spMk id="2" creationId="{C9E42817-A28D-4A27-A3CF-10DC610DEF3C}"/>
          </ac:spMkLst>
        </pc:spChg>
      </pc:sldChg>
      <pc:sldChg chg="addSp modSp new mod">
        <pc:chgData name="Dimitrios Markou" userId="f3d15274-f365-49a7-8291-0b2d12aeecde" providerId="ADAL" clId="{389A3761-AD64-4175-AA9B-4D955C08CDA4}" dt="2024-02-08T09:34:51.574" v="146" actId="1076"/>
        <pc:sldMkLst>
          <pc:docMk/>
          <pc:sldMk cId="2273569013" sldId="2147469501"/>
        </pc:sldMkLst>
        <pc:picChg chg="add mod">
          <ac:chgData name="Dimitrios Markou" userId="f3d15274-f365-49a7-8291-0b2d12aeecde" providerId="ADAL" clId="{389A3761-AD64-4175-AA9B-4D955C08CDA4}" dt="2024-02-08T09:34:51.574" v="146" actId="1076"/>
          <ac:picMkLst>
            <pc:docMk/>
            <pc:sldMk cId="2273569013" sldId="2147469501"/>
            <ac:picMk id="3" creationId="{D1DCF3EA-26D9-EDE0-FCDA-865839595445}"/>
          </ac:picMkLst>
        </pc:picChg>
        <pc:picChg chg="add mod">
          <ac:chgData name="Dimitrios Markou" userId="f3d15274-f365-49a7-8291-0b2d12aeecde" providerId="ADAL" clId="{389A3761-AD64-4175-AA9B-4D955C08CDA4}" dt="2024-02-08T09:34:48.982" v="145" actId="1076"/>
          <ac:picMkLst>
            <pc:docMk/>
            <pc:sldMk cId="2273569013" sldId="2147469501"/>
            <ac:picMk id="5" creationId="{D3F73313-595B-4CC4-608F-F436F9B70C46}"/>
          </ac:picMkLst>
        </pc:picChg>
      </pc:sldChg>
      <pc:sldChg chg="modSp add mod">
        <pc:chgData name="Dimitrios Markou" userId="f3d15274-f365-49a7-8291-0b2d12aeecde" providerId="ADAL" clId="{389A3761-AD64-4175-AA9B-4D955C08CDA4}" dt="2024-02-08T09:41:41.339" v="283" actId="27636"/>
        <pc:sldMkLst>
          <pc:docMk/>
          <pc:sldMk cId="2469568243" sldId="2147469502"/>
        </pc:sldMkLst>
        <pc:spChg chg="mod">
          <ac:chgData name="Dimitrios Markou" userId="f3d15274-f365-49a7-8291-0b2d12aeecde" providerId="ADAL" clId="{389A3761-AD64-4175-AA9B-4D955C08CDA4}" dt="2024-02-08T09:41:41.339" v="283" actId="27636"/>
          <ac:spMkLst>
            <pc:docMk/>
            <pc:sldMk cId="2469568243" sldId="2147469502"/>
            <ac:spMk id="3" creationId="{D25CF673-A18E-4342-86B7-320A29E92F50}"/>
          </ac:spMkLst>
        </pc:spChg>
      </pc:sldChg>
      <pc:sldChg chg="new del">
        <pc:chgData name="Dimitrios Markou" userId="f3d15274-f365-49a7-8291-0b2d12aeecde" providerId="ADAL" clId="{389A3761-AD64-4175-AA9B-4D955C08CDA4}" dt="2024-02-08T10:04:21.347" v="310" actId="2696"/>
        <pc:sldMkLst>
          <pc:docMk/>
          <pc:sldMk cId="1835478977" sldId="2147469503"/>
        </pc:sldMkLst>
      </pc:sldChg>
      <pc:sldChg chg="modSp add del">
        <pc:chgData name="Dimitrios Markou" userId="f3d15274-f365-49a7-8291-0b2d12aeecde" providerId="ADAL" clId="{389A3761-AD64-4175-AA9B-4D955C08CDA4}" dt="2024-02-08T10:04:18.073" v="309" actId="2696"/>
        <pc:sldMkLst>
          <pc:docMk/>
          <pc:sldMk cId="3803284960" sldId="2147469504"/>
        </pc:sldMkLst>
        <pc:spChg chg="mod">
          <ac:chgData name="Dimitrios Markou" userId="f3d15274-f365-49a7-8291-0b2d12aeecde" providerId="ADAL" clId="{389A3761-AD64-4175-AA9B-4D955C08CDA4}" dt="2024-02-08T10:03:48.535" v="287"/>
          <ac:spMkLst>
            <pc:docMk/>
            <pc:sldMk cId="3803284960" sldId="2147469504"/>
            <ac:spMk id="2" creationId="{671652E6-617D-CE4A-83D9-1CB307EB26F6}"/>
          </ac:spMkLst>
        </pc:spChg>
        <pc:grpChg chg="mod">
          <ac:chgData name="Dimitrios Markou" userId="f3d15274-f365-49a7-8291-0b2d12aeecde" providerId="ADAL" clId="{389A3761-AD64-4175-AA9B-4D955C08CDA4}" dt="2024-02-08T10:03:48.535" v="289"/>
          <ac:grpSpMkLst>
            <pc:docMk/>
            <pc:sldMk cId="3803284960" sldId="2147469504"/>
            <ac:grpSpMk id="16" creationId="{6ED4F7B6-8D18-5941-A865-4EC37A4DC921}"/>
          </ac:grpSpMkLst>
        </pc:grpChg>
      </pc:sldChg>
      <pc:sldChg chg="delSp modSp add mod">
        <pc:chgData name="Dimitrios Markou" userId="f3d15274-f365-49a7-8291-0b2d12aeecde" providerId="ADAL" clId="{389A3761-AD64-4175-AA9B-4D955C08CDA4}" dt="2024-02-08T10:15:13.065" v="531" actId="1076"/>
        <pc:sldMkLst>
          <pc:docMk/>
          <pc:sldMk cId="2760050378" sldId="2147469505"/>
        </pc:sldMkLst>
        <pc:spChg chg="mod">
          <ac:chgData name="Dimitrios Markou" userId="f3d15274-f365-49a7-8291-0b2d12aeecde" providerId="ADAL" clId="{389A3761-AD64-4175-AA9B-4D955C08CDA4}" dt="2024-02-08T10:06:15.794" v="345" actId="313"/>
          <ac:spMkLst>
            <pc:docMk/>
            <pc:sldMk cId="2760050378" sldId="2147469505"/>
            <ac:spMk id="4" creationId="{A70F44F3-947B-3145-80D7-AC78EF522D34}"/>
          </ac:spMkLst>
        </pc:spChg>
        <pc:spChg chg="mod">
          <ac:chgData name="Dimitrios Markou" userId="f3d15274-f365-49a7-8291-0b2d12aeecde" providerId="ADAL" clId="{389A3761-AD64-4175-AA9B-4D955C08CDA4}" dt="2024-02-08T10:06:20.320" v="353" actId="20577"/>
          <ac:spMkLst>
            <pc:docMk/>
            <pc:sldMk cId="2760050378" sldId="2147469505"/>
            <ac:spMk id="9" creationId="{411F657B-92B7-43C9-8585-9C7D6D39FD16}"/>
          </ac:spMkLst>
        </pc:spChg>
        <pc:spChg chg="mod">
          <ac:chgData name="Dimitrios Markou" userId="f3d15274-f365-49a7-8291-0b2d12aeecde" providerId="ADAL" clId="{389A3761-AD64-4175-AA9B-4D955C08CDA4}" dt="2024-02-08T10:07:50.761" v="382" actId="1076"/>
          <ac:spMkLst>
            <pc:docMk/>
            <pc:sldMk cId="2760050378" sldId="2147469505"/>
            <ac:spMk id="10" creationId="{8FC0050E-BD0D-4912-A6C8-6D8237A1EBA0}"/>
          </ac:spMkLst>
        </pc:spChg>
        <pc:spChg chg="mod">
          <ac:chgData name="Dimitrios Markou" userId="f3d15274-f365-49a7-8291-0b2d12aeecde" providerId="ADAL" clId="{389A3761-AD64-4175-AA9B-4D955C08CDA4}" dt="2024-02-08T10:07:35.722" v="380" actId="1076"/>
          <ac:spMkLst>
            <pc:docMk/>
            <pc:sldMk cId="2760050378" sldId="2147469505"/>
            <ac:spMk id="11" creationId="{677D164B-99B7-4CA2-A0E7-C96F0AD102D3}"/>
          </ac:spMkLst>
        </pc:spChg>
        <pc:spChg chg="del mod">
          <ac:chgData name="Dimitrios Markou" userId="f3d15274-f365-49a7-8291-0b2d12aeecde" providerId="ADAL" clId="{389A3761-AD64-4175-AA9B-4D955C08CDA4}" dt="2024-02-08T10:07:22.337" v="377" actId="478"/>
          <ac:spMkLst>
            <pc:docMk/>
            <pc:sldMk cId="2760050378" sldId="2147469505"/>
            <ac:spMk id="12" creationId="{B2B017A3-0285-432E-B52C-13A7125E14E8}"/>
          </ac:spMkLst>
        </pc:spChg>
        <pc:spChg chg="mod">
          <ac:chgData name="Dimitrios Markou" userId="f3d15274-f365-49a7-8291-0b2d12aeecde" providerId="ADAL" clId="{389A3761-AD64-4175-AA9B-4D955C08CDA4}" dt="2024-02-08T10:13:32.343" v="512" actId="207"/>
          <ac:spMkLst>
            <pc:docMk/>
            <pc:sldMk cId="2760050378" sldId="2147469505"/>
            <ac:spMk id="13" creationId="{DB9B8E10-F934-4256-AA61-D8D8D02B90CF}"/>
          </ac:spMkLst>
        </pc:spChg>
        <pc:spChg chg="mod">
          <ac:chgData name="Dimitrios Markou" userId="f3d15274-f365-49a7-8291-0b2d12aeecde" providerId="ADAL" clId="{389A3761-AD64-4175-AA9B-4D955C08CDA4}" dt="2024-02-08T10:15:12.049" v="530" actId="207"/>
          <ac:spMkLst>
            <pc:docMk/>
            <pc:sldMk cId="2760050378" sldId="2147469505"/>
            <ac:spMk id="14" creationId="{7CFAAF31-0B5C-4550-B8B7-DB592894E8B2}"/>
          </ac:spMkLst>
        </pc:spChg>
        <pc:spChg chg="mod">
          <ac:chgData name="Dimitrios Markou" userId="f3d15274-f365-49a7-8291-0b2d12aeecde" providerId="ADAL" clId="{389A3761-AD64-4175-AA9B-4D955C08CDA4}" dt="2024-02-08T10:15:13.065" v="531" actId="1076"/>
          <ac:spMkLst>
            <pc:docMk/>
            <pc:sldMk cId="2760050378" sldId="2147469505"/>
            <ac:spMk id="15" creationId="{517EEFD5-8726-48A6-9BA2-70FEA0F6443B}"/>
          </ac:spMkLst>
        </pc:spChg>
        <pc:spChg chg="del mod">
          <ac:chgData name="Dimitrios Markou" userId="f3d15274-f365-49a7-8291-0b2d12aeecde" providerId="ADAL" clId="{389A3761-AD64-4175-AA9B-4D955C08CDA4}" dt="2024-02-08T10:07:30.196" v="379" actId="478"/>
          <ac:spMkLst>
            <pc:docMk/>
            <pc:sldMk cId="2760050378" sldId="2147469505"/>
            <ac:spMk id="16" creationId="{2A850D32-88A1-4B48-AB4C-6C40988E49FF}"/>
          </ac:spMkLst>
        </pc:spChg>
      </pc:sldChg>
      <pc:sldChg chg="delSp new del mod">
        <pc:chgData name="Dimitrios Markou" userId="f3d15274-f365-49a7-8291-0b2d12aeecde" providerId="ADAL" clId="{389A3761-AD64-4175-AA9B-4D955C08CDA4}" dt="2024-02-08T10:32:36.080" v="534" actId="2696"/>
        <pc:sldMkLst>
          <pc:docMk/>
          <pc:sldMk cId="1093520323" sldId="2147469506"/>
        </pc:sldMkLst>
        <pc:spChg chg="del">
          <ac:chgData name="Dimitrios Markou" userId="f3d15274-f365-49a7-8291-0b2d12aeecde" providerId="ADAL" clId="{389A3761-AD64-4175-AA9B-4D955C08CDA4}" dt="2024-02-08T10:32:30.798" v="533" actId="478"/>
          <ac:spMkLst>
            <pc:docMk/>
            <pc:sldMk cId="1093520323" sldId="2147469506"/>
            <ac:spMk id="2" creationId="{889E6F68-AB28-AE66-E457-A7FEC152E895}"/>
          </ac:spMkLst>
        </pc:spChg>
      </pc:sldChg>
      <pc:sldChg chg="addSp delSp modSp add mod ord modTransition modClrScheme chgLayout">
        <pc:chgData name="Dimitrios Markou" userId="f3d15274-f365-49a7-8291-0b2d12aeecde" providerId="ADAL" clId="{389A3761-AD64-4175-AA9B-4D955C08CDA4}" dt="2024-02-08T10:34:27.870" v="626" actId="20577"/>
        <pc:sldMkLst>
          <pc:docMk/>
          <pc:sldMk cId="1917477598" sldId="2147469506"/>
        </pc:sldMkLst>
        <pc:spChg chg="mod ord">
          <ac:chgData name="Dimitrios Markou" userId="f3d15274-f365-49a7-8291-0b2d12aeecde" providerId="ADAL" clId="{389A3761-AD64-4175-AA9B-4D955C08CDA4}" dt="2024-02-08T10:33:32.615" v="563" actId="26606"/>
          <ac:spMkLst>
            <pc:docMk/>
            <pc:sldMk cId="1917477598" sldId="2147469506"/>
            <ac:spMk id="2" creationId="{C9E42817-A28D-4A27-A3CF-10DC610DEF3C}"/>
          </ac:spMkLst>
        </pc:spChg>
        <pc:spChg chg="add del mod ord">
          <ac:chgData name="Dimitrios Markou" userId="f3d15274-f365-49a7-8291-0b2d12aeecde" providerId="ADAL" clId="{389A3761-AD64-4175-AA9B-4D955C08CDA4}" dt="2024-02-08T10:33:32.615" v="563" actId="26606"/>
          <ac:spMkLst>
            <pc:docMk/>
            <pc:sldMk cId="1917477598" sldId="2147469506"/>
            <ac:spMk id="3" creationId="{F4845FD9-5A1A-03D2-8F5B-4959562F0D76}"/>
          </ac:spMkLst>
        </pc:spChg>
        <pc:spChg chg="add mod">
          <ac:chgData name="Dimitrios Markou" userId="f3d15274-f365-49a7-8291-0b2d12aeecde" providerId="ADAL" clId="{389A3761-AD64-4175-AA9B-4D955C08CDA4}" dt="2024-02-08T10:34:27.870" v="626" actId="20577"/>
          <ac:spMkLst>
            <pc:docMk/>
            <pc:sldMk cId="1917477598" sldId="2147469506"/>
            <ac:spMk id="8" creationId="{3F904F08-28DD-0629-C580-D141145567B6}"/>
          </ac:spMkLst>
        </pc:spChg>
      </pc:sldChg>
    </pc:docChg>
  </pc:docChgLst>
  <pc:docChgLst>
    <pc:chgData name="Kjaergaard, Jens" userId="S::jens.kristian.kjaergaard_ericsson.com#ext#@intel.onmicrosoft.com::096043be-9b3c-4741-8673-0e45101c6a4f" providerId="AD" clId="Web-{AFC4C288-0F5C-0D65-D27A-C28DA0C7533C}"/>
    <pc:docChg chg="mod">
      <pc:chgData name="Kjaergaard, Jens" userId="S::jens.kristian.kjaergaard_ericsson.com#ext#@intel.onmicrosoft.com::096043be-9b3c-4741-8673-0e45101c6a4f" providerId="AD" clId="Web-{AFC4C288-0F5C-0D65-D27A-C28DA0C7533C}" dt="2023-02-17T08:24:29.794" v="4"/>
      <pc:docMkLst>
        <pc:docMk/>
      </pc:docMkLst>
      <pc:sldChg chg="addCm">
        <pc:chgData name="Kjaergaard, Jens" userId="S::jens.kristian.kjaergaard_ericsson.com#ext#@intel.onmicrosoft.com::096043be-9b3c-4741-8673-0e45101c6a4f" providerId="AD" clId="Web-{AFC4C288-0F5C-0D65-D27A-C28DA0C7533C}" dt="2023-02-17T08:24:29.794" v="4"/>
        <pc:sldMkLst>
          <pc:docMk/>
          <pc:sldMk cId="3385811369" sldId="2147375732"/>
        </pc:sldMkLst>
      </pc:sldChg>
      <pc:sldChg chg="addCm">
        <pc:chgData name="Kjaergaard, Jens" userId="S::jens.kristian.kjaergaard_ericsson.com#ext#@intel.onmicrosoft.com::096043be-9b3c-4741-8673-0e45101c6a4f" providerId="AD" clId="Web-{AFC4C288-0F5C-0D65-D27A-C28DA0C7533C}" dt="2023-02-17T08:09:07.601" v="1"/>
        <pc:sldMkLst>
          <pc:docMk/>
          <pc:sldMk cId="1527140223" sldId="2147375793"/>
        </pc:sldMkLst>
      </pc:sldChg>
      <pc:sldChg chg="addCm">
        <pc:chgData name="Kjaergaard, Jens" userId="S::jens.kristian.kjaergaard_ericsson.com#ext#@intel.onmicrosoft.com::096043be-9b3c-4741-8673-0e45101c6a4f" providerId="AD" clId="Web-{AFC4C288-0F5C-0D65-D27A-C28DA0C7533C}" dt="2023-02-17T08:21:46.142" v="3"/>
        <pc:sldMkLst>
          <pc:docMk/>
          <pc:sldMk cId="1245359931" sldId="2147469481"/>
        </pc:sldMkLst>
      </pc:sldChg>
    </pc:docChg>
  </pc:docChgLst>
  <pc:docChgLst>
    <pc:chgData name="Dimitrios Markou" userId="S::dimitrios.markou_ericsson.com#ext#@intel.onmicrosoft.com::fd2b1209-3582-44e3-99a0-87b0e5b9367d" providerId="AD" clId="Web-{1CC29D3A-243E-C657-3C61-5204C484FCE7}"/>
    <pc:docChg chg="addSld modSld">
      <pc:chgData name="Dimitrios Markou" userId="S::dimitrios.markou_ericsson.com#ext#@intel.onmicrosoft.com::fd2b1209-3582-44e3-99a0-87b0e5b9367d" providerId="AD" clId="Web-{1CC29D3A-243E-C657-3C61-5204C484FCE7}" dt="2023-04-26T12:21:31.132" v="31"/>
      <pc:docMkLst>
        <pc:docMk/>
      </pc:docMkLst>
      <pc:sldChg chg="delSp modSp add replId">
        <pc:chgData name="Dimitrios Markou" userId="S::dimitrios.markou_ericsson.com#ext#@intel.onmicrosoft.com::fd2b1209-3582-44e3-99a0-87b0e5b9367d" providerId="AD" clId="Web-{1CC29D3A-243E-C657-3C61-5204C484FCE7}" dt="2023-04-26T12:21:31.132" v="31"/>
        <pc:sldMkLst>
          <pc:docMk/>
          <pc:sldMk cId="3870151980" sldId="2147469493"/>
        </pc:sldMkLst>
        <pc:spChg chg="del">
          <ac:chgData name="Dimitrios Markou" userId="S::dimitrios.markou_ericsson.com#ext#@intel.onmicrosoft.com::fd2b1209-3582-44e3-99a0-87b0e5b9367d" providerId="AD" clId="Web-{1CC29D3A-243E-C657-3C61-5204C484FCE7}" dt="2023-04-26T12:19:48.831" v="9"/>
          <ac:spMkLst>
            <pc:docMk/>
            <pc:sldMk cId="3870151980" sldId="2147469493"/>
            <ac:spMk id="3" creationId="{2C9602FB-36C1-4E14-9053-A99C8E8B8560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19:51.831" v="10"/>
          <ac:spMkLst>
            <pc:docMk/>
            <pc:sldMk cId="3870151980" sldId="2147469493"/>
            <ac:spMk id="4" creationId="{D3C58B6A-5F34-4485-9973-9A660FB09C60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19:56.112" v="11"/>
          <ac:spMkLst>
            <pc:docMk/>
            <pc:sldMk cId="3870151980" sldId="2147469493"/>
            <ac:spMk id="5" creationId="{0F87F62D-5BB9-4359-9EED-572193036968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21:19.053" v="29"/>
          <ac:spMkLst>
            <pc:docMk/>
            <pc:sldMk cId="3870151980" sldId="2147469493"/>
            <ac:spMk id="6" creationId="{FEEDE28C-3623-4A2B-B808-50021B8F58F7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19:46.487" v="8"/>
          <ac:spMkLst>
            <pc:docMk/>
            <pc:sldMk cId="3870151980" sldId="2147469493"/>
            <ac:spMk id="10" creationId="{47BABA3F-40E2-E1F3-9553-F09EAC7774CF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19:28.549" v="1"/>
          <ac:spMkLst>
            <pc:docMk/>
            <pc:sldMk cId="3870151980" sldId="2147469493"/>
            <ac:spMk id="17" creationId="{7051A87C-B608-4C1F-9E4F-04F01EBAC8F0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19:31.080" v="2"/>
          <ac:spMkLst>
            <pc:docMk/>
            <pc:sldMk cId="3870151980" sldId="2147469493"/>
            <ac:spMk id="20" creationId="{1A424CE3-B43E-4441-A238-CB3850C9D302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20:31.973" v="18"/>
          <ac:spMkLst>
            <pc:docMk/>
            <pc:sldMk cId="3870151980" sldId="2147469493"/>
            <ac:spMk id="21" creationId="{01E63584-8874-42B0-97F3-05023DE0F6E0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20:40.380" v="22"/>
          <ac:spMkLst>
            <pc:docMk/>
            <pc:sldMk cId="3870151980" sldId="2147469493"/>
            <ac:spMk id="22" creationId="{DF665670-E2A0-4605-9504-3FE343B4D9A0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20:45.880" v="24"/>
          <ac:spMkLst>
            <pc:docMk/>
            <pc:sldMk cId="3870151980" sldId="2147469493"/>
            <ac:spMk id="38" creationId="{E9939C64-B135-41E6-8E6A-56C1B1526C04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21:14.787" v="28"/>
          <ac:spMkLst>
            <pc:docMk/>
            <pc:sldMk cId="3870151980" sldId="2147469493"/>
            <ac:spMk id="72" creationId="{D0432547-1A0B-4678-896F-FD1821C7B8DE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19:44.612" v="7"/>
          <ac:spMkLst>
            <pc:docMk/>
            <pc:sldMk cId="3870151980" sldId="2147469493"/>
            <ac:spMk id="99" creationId="{25989FAE-A2D1-42B9-B00E-47FC2D48B7EF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20:05.894" v="14"/>
          <ac:spMkLst>
            <pc:docMk/>
            <pc:sldMk cId="3870151980" sldId="2147469493"/>
            <ac:spMk id="102" creationId="{56342285-F17F-4371-8024-772A5327A29A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19:40.737" v="5"/>
          <ac:spMkLst>
            <pc:docMk/>
            <pc:sldMk cId="3870151980" sldId="2147469493"/>
            <ac:spMk id="115" creationId="{5B1C03BD-6A61-4E19-96A2-91AA2E4C7804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19:41.784" v="6"/>
          <ac:spMkLst>
            <pc:docMk/>
            <pc:sldMk cId="3870151980" sldId="2147469493"/>
            <ac:spMk id="121" creationId="{0DF0D14E-6C7F-4714-8204-28C2E5CFD2E8}"/>
          </ac:spMkLst>
        </pc:spChg>
        <pc:spChg chg="del">
          <ac:chgData name="Dimitrios Markou" userId="S::dimitrios.markou_ericsson.com#ext#@intel.onmicrosoft.com::fd2b1209-3582-44e3-99a0-87b0e5b9367d" providerId="AD" clId="Web-{1CC29D3A-243E-C657-3C61-5204C484FCE7}" dt="2023-04-26T12:21:10.834" v="27"/>
          <ac:spMkLst>
            <pc:docMk/>
            <pc:sldMk cId="3870151980" sldId="2147469493"/>
            <ac:spMk id="232" creationId="{9EEC9183-D3C8-071A-44B1-633E48141999}"/>
          </ac:spMkLst>
        </pc:spChg>
        <pc:cxnChg chg="del mod">
          <ac:chgData name="Dimitrios Markou" userId="S::dimitrios.markou_ericsson.com#ext#@intel.onmicrosoft.com::fd2b1209-3582-44e3-99a0-87b0e5b9367d" providerId="AD" clId="Web-{1CC29D3A-243E-C657-3C61-5204C484FCE7}" dt="2023-04-26T12:20:16.269" v="15"/>
          <ac:cxnSpMkLst>
            <pc:docMk/>
            <pc:sldMk cId="3870151980" sldId="2147469493"/>
            <ac:cxnSpMk id="32" creationId="{3E4BC078-9E95-4E41-8C5D-6468D0543A08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20:18.926" v="16"/>
          <ac:cxnSpMkLst>
            <pc:docMk/>
            <pc:sldMk cId="3870151980" sldId="2147469493"/>
            <ac:cxnSpMk id="35" creationId="{DAFEC3FE-1865-480E-A59D-8D126480834B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21:31.132" v="31"/>
          <ac:cxnSpMkLst>
            <pc:docMk/>
            <pc:sldMk cId="3870151980" sldId="2147469493"/>
            <ac:cxnSpMk id="40" creationId="{A843A608-76F0-73B8-3657-276255DCC2BD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19:34.268" v="3"/>
          <ac:cxnSpMkLst>
            <pc:docMk/>
            <pc:sldMk cId="3870151980" sldId="2147469493"/>
            <ac:cxnSpMk id="43" creationId="{46FD9E4B-EC6A-4870-8497-0BA4188912DD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20:33.583" v="19"/>
          <ac:cxnSpMkLst>
            <pc:docMk/>
            <pc:sldMk cId="3870151980" sldId="2147469493"/>
            <ac:cxnSpMk id="58" creationId="{091F6E80-6A69-4908-B8B8-C9EB7C2ADBE7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20:42.724" v="23"/>
          <ac:cxnSpMkLst>
            <pc:docMk/>
            <pc:sldMk cId="3870151980" sldId="2147469493"/>
            <ac:cxnSpMk id="61" creationId="{3C749676-0601-4B3B-BCE7-B074E4D50E8F}"/>
          </ac:cxnSpMkLst>
        </pc:cxnChg>
        <pc:cxnChg chg="del">
          <ac:chgData name="Dimitrios Markou" userId="S::dimitrios.markou_ericsson.com#ext#@intel.onmicrosoft.com::fd2b1209-3582-44e3-99a0-87b0e5b9367d" providerId="AD" clId="Web-{1CC29D3A-243E-C657-3C61-5204C484FCE7}" dt="2023-04-26T12:20:53.083" v="25"/>
          <ac:cxnSpMkLst>
            <pc:docMk/>
            <pc:sldMk cId="3870151980" sldId="2147469493"/>
            <ac:cxnSpMk id="64" creationId="{B1F47901-059B-433F-84D7-2F2147D2F4E6}"/>
          </ac:cxnSpMkLst>
        </pc:cxnChg>
        <pc:cxnChg chg="del">
          <ac:chgData name="Dimitrios Markou" userId="S::dimitrios.markou_ericsson.com#ext#@intel.onmicrosoft.com::fd2b1209-3582-44e3-99a0-87b0e5b9367d" providerId="AD" clId="Web-{1CC29D3A-243E-C657-3C61-5204C484FCE7}" dt="2023-04-26T12:21:07.553" v="26"/>
          <ac:cxnSpMkLst>
            <pc:docMk/>
            <pc:sldMk cId="3870151980" sldId="2147469493"/>
            <ac:cxnSpMk id="73" creationId="{76CD2005-638F-4451-BA08-085C2AAC79E4}"/>
          </ac:cxnSpMkLst>
        </pc:cxnChg>
        <pc:cxnChg chg="mod">
          <ac:chgData name="Dimitrios Markou" userId="S::dimitrios.markou_ericsson.com#ext#@intel.onmicrosoft.com::fd2b1209-3582-44e3-99a0-87b0e5b9367d" providerId="AD" clId="Web-{1CC29D3A-243E-C657-3C61-5204C484FCE7}" dt="2023-04-26T12:21:19.053" v="29"/>
          <ac:cxnSpMkLst>
            <pc:docMk/>
            <pc:sldMk cId="3870151980" sldId="2147469493"/>
            <ac:cxnSpMk id="97" creationId="{70E61177-4ABE-4E0A-8E9D-9FEE85CAE82A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20:22.410" v="17"/>
          <ac:cxnSpMkLst>
            <pc:docMk/>
            <pc:sldMk cId="3870151980" sldId="2147469493"/>
            <ac:cxnSpMk id="104" creationId="{7B90E8EE-28EF-4A2D-B338-657704734866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20:03.675" v="13"/>
          <ac:cxnSpMkLst>
            <pc:docMk/>
            <pc:sldMk cId="3870151980" sldId="2147469493"/>
            <ac:cxnSpMk id="105" creationId="{90984B60-1C7D-4FF7-B8D2-3DA7B42B373D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20:01.331" v="12"/>
          <ac:cxnSpMkLst>
            <pc:docMk/>
            <pc:sldMk cId="3870151980" sldId="2147469493"/>
            <ac:cxnSpMk id="153" creationId="{12D309FA-7687-462B-8163-DEEE266FC684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19:38.533" v="4"/>
          <ac:cxnSpMkLst>
            <pc:docMk/>
            <pc:sldMk cId="3870151980" sldId="2147469493"/>
            <ac:cxnSpMk id="162" creationId="{EEB3A47D-D8A2-4E48-B2D8-C4D2E674985C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20:35.942" v="20"/>
          <ac:cxnSpMkLst>
            <pc:docMk/>
            <pc:sldMk cId="3870151980" sldId="2147469493"/>
            <ac:cxnSpMk id="174" creationId="{4E3F2958-10B8-43A7-8513-C35D8EE4E758}"/>
          </ac:cxnSpMkLst>
        </pc:cxnChg>
        <pc:cxnChg chg="del mod">
          <ac:chgData name="Dimitrios Markou" userId="S::dimitrios.markou_ericsson.com#ext#@intel.onmicrosoft.com::fd2b1209-3582-44e3-99a0-87b0e5b9367d" providerId="AD" clId="Web-{1CC29D3A-243E-C657-3C61-5204C484FCE7}" dt="2023-04-26T12:20:39.020" v="21"/>
          <ac:cxnSpMkLst>
            <pc:docMk/>
            <pc:sldMk cId="3870151980" sldId="2147469493"/>
            <ac:cxnSpMk id="177" creationId="{3B37E3AD-183F-4D36-9860-325BF9A03477}"/>
          </ac:cxnSpMkLst>
        </pc:cxnChg>
        <pc:cxnChg chg="mod">
          <ac:chgData name="Dimitrios Markou" userId="S::dimitrios.markou_ericsson.com#ext#@intel.onmicrosoft.com::fd2b1209-3582-44e3-99a0-87b0e5b9367d" providerId="AD" clId="Web-{1CC29D3A-243E-C657-3C61-5204C484FCE7}" dt="2023-04-26T12:21:23.022" v="30" actId="14100"/>
          <ac:cxnSpMkLst>
            <pc:docMk/>
            <pc:sldMk cId="3870151980" sldId="2147469493"/>
            <ac:cxnSpMk id="240" creationId="{0CA84C92-0483-EFD4-1815-C6E77F479F95}"/>
          </ac:cxnSpMkLst>
        </pc:cxnChg>
      </pc:sldChg>
    </pc:docChg>
  </pc:docChgLst>
  <pc:docChgLst>
    <pc:chgData name="Dimitrios Markou" userId="S::dimitrios.markou_ericsson.com#ext#@intel.onmicrosoft.com::fd2b1209-3582-44e3-99a0-87b0e5b9367d" providerId="AD" clId="Web-{E4A7EB60-54C2-B83F-0032-41238483A8D4}"/>
    <pc:docChg chg="modSld">
      <pc:chgData name="Dimitrios Markou" userId="S::dimitrios.markou_ericsson.com#ext#@intel.onmicrosoft.com::fd2b1209-3582-44e3-99a0-87b0e5b9367d" providerId="AD" clId="Web-{E4A7EB60-54C2-B83F-0032-41238483A8D4}" dt="2023-04-20T16:06:28.556" v="6"/>
      <pc:docMkLst>
        <pc:docMk/>
      </pc:docMkLst>
      <pc:sldChg chg="mod modShow">
        <pc:chgData name="Dimitrios Markou" userId="S::dimitrios.markou_ericsson.com#ext#@intel.onmicrosoft.com::fd2b1209-3582-44e3-99a0-87b0e5b9367d" providerId="AD" clId="Web-{E4A7EB60-54C2-B83F-0032-41238483A8D4}" dt="2023-04-20T16:06:01.695" v="2"/>
        <pc:sldMkLst>
          <pc:docMk/>
          <pc:sldMk cId="966300875" sldId="2147375718"/>
        </pc:sldMkLst>
      </pc:sldChg>
      <pc:sldChg chg="mod modShow">
        <pc:chgData name="Dimitrios Markou" userId="S::dimitrios.markou_ericsson.com#ext#@intel.onmicrosoft.com::fd2b1209-3582-44e3-99a0-87b0e5b9367d" providerId="AD" clId="Web-{E4A7EB60-54C2-B83F-0032-41238483A8D4}" dt="2023-04-20T16:05:56.008" v="0"/>
        <pc:sldMkLst>
          <pc:docMk/>
          <pc:sldMk cId="3739816706" sldId="2147375735"/>
        </pc:sldMkLst>
      </pc:sldChg>
      <pc:sldChg chg="mod modShow">
        <pc:chgData name="Dimitrios Markou" userId="S::dimitrios.markou_ericsson.com#ext#@intel.onmicrosoft.com::fd2b1209-3582-44e3-99a0-87b0e5b9367d" providerId="AD" clId="Web-{E4A7EB60-54C2-B83F-0032-41238483A8D4}" dt="2023-04-20T16:06:11.164" v="4"/>
        <pc:sldMkLst>
          <pc:docMk/>
          <pc:sldMk cId="988218268" sldId="2147375773"/>
        </pc:sldMkLst>
      </pc:sldChg>
      <pc:sldChg chg="mod modShow">
        <pc:chgData name="Dimitrios Markou" userId="S::dimitrios.markou_ericsson.com#ext#@intel.onmicrosoft.com::fd2b1209-3582-44e3-99a0-87b0e5b9367d" providerId="AD" clId="Web-{E4A7EB60-54C2-B83F-0032-41238483A8D4}" dt="2023-04-20T16:05:59.508" v="1"/>
        <pc:sldMkLst>
          <pc:docMk/>
          <pc:sldMk cId="817523821" sldId="2147375780"/>
        </pc:sldMkLst>
      </pc:sldChg>
      <pc:sldChg chg="mod modShow">
        <pc:chgData name="Dimitrios Markou" userId="S::dimitrios.markou_ericsson.com#ext#@intel.onmicrosoft.com::fd2b1209-3582-44e3-99a0-87b0e5b9367d" providerId="AD" clId="Web-{E4A7EB60-54C2-B83F-0032-41238483A8D4}" dt="2023-04-20T16:06:28.556" v="6"/>
        <pc:sldMkLst>
          <pc:docMk/>
          <pc:sldMk cId="602144937" sldId="2147469482"/>
        </pc:sldMkLst>
      </pc:sldChg>
      <pc:sldChg chg="mod modShow">
        <pc:chgData name="Dimitrios Markou" userId="S::dimitrios.markou_ericsson.com#ext#@intel.onmicrosoft.com::fd2b1209-3582-44e3-99a0-87b0e5b9367d" providerId="AD" clId="Web-{E4A7EB60-54C2-B83F-0032-41238483A8D4}" dt="2023-04-20T16:06:11.914" v="5"/>
        <pc:sldMkLst>
          <pc:docMk/>
          <pc:sldMk cId="2560409470" sldId="2147469485"/>
        </pc:sldMkLst>
      </pc:sldChg>
      <pc:sldChg chg="mod modShow">
        <pc:chgData name="Dimitrios Markou" userId="S::dimitrios.markou_ericsson.com#ext#@intel.onmicrosoft.com::fd2b1209-3582-44e3-99a0-87b0e5b9367d" providerId="AD" clId="Web-{E4A7EB60-54C2-B83F-0032-41238483A8D4}" dt="2023-04-20T16:06:05.649" v="3"/>
        <pc:sldMkLst>
          <pc:docMk/>
          <pc:sldMk cId="983975274" sldId="2147469488"/>
        </pc:sldMkLst>
      </pc:sldChg>
    </pc:docChg>
  </pc:docChgLst>
  <pc:docChgLst>
    <pc:chgData name="Mangan, John" userId="S::john.mangan@intel.com::bf0d18ff-2128-4b0e-940a-ed90586aa884" providerId="AD" clId="Web-{47EB2A4B-15A1-218E-268D-E6163AEA2126}"/>
    <pc:docChg chg="modSld">
      <pc:chgData name="Mangan, John" userId="S::john.mangan@intel.com::bf0d18ff-2128-4b0e-940a-ed90586aa884" providerId="AD" clId="Web-{47EB2A4B-15A1-218E-268D-E6163AEA2126}" dt="2023-02-21T08:18:35.516" v="2" actId="20577"/>
      <pc:docMkLst>
        <pc:docMk/>
      </pc:docMkLst>
      <pc:sldChg chg="modSp">
        <pc:chgData name="Mangan, John" userId="S::john.mangan@intel.com::bf0d18ff-2128-4b0e-940a-ed90586aa884" providerId="AD" clId="Web-{47EB2A4B-15A1-218E-268D-E6163AEA2126}" dt="2023-02-21T08:18:35.516" v="2" actId="20577"/>
        <pc:sldMkLst>
          <pc:docMk/>
          <pc:sldMk cId="876791639" sldId="2147469486"/>
        </pc:sldMkLst>
        <pc:spChg chg="mod">
          <ac:chgData name="Mangan, John" userId="S::john.mangan@intel.com::bf0d18ff-2128-4b0e-940a-ed90586aa884" providerId="AD" clId="Web-{47EB2A4B-15A1-218E-268D-E6163AEA2126}" dt="2023-02-21T08:18:35.516" v="2" actId="20577"/>
          <ac:spMkLst>
            <pc:docMk/>
            <pc:sldMk cId="876791639" sldId="2147469486"/>
            <ac:spMk id="2" creationId="{76B5E180-29AD-BCE2-7806-29D2EC6E153C}"/>
          </ac:spMkLst>
        </pc:spChg>
      </pc:sldChg>
    </pc:docChg>
  </pc:docChgLst>
  <pc:docChgLst>
    <pc:chgData name="Jan Scheurich" userId="0f96fdce-ddbd-4bab-8e03-f9f0f63ef781" providerId="ADAL" clId="{0946EC57-D7E9-488E-AC3F-E8627EE76EE7}"/>
    <pc:docChg chg="">
      <pc:chgData name="Jan Scheurich" userId="0f96fdce-ddbd-4bab-8e03-f9f0f63ef781" providerId="ADAL" clId="{0946EC57-D7E9-488E-AC3F-E8627EE76EE7}" dt="2024-02-09T08:45:37.332" v="1" actId="2056"/>
      <pc:docMkLst>
        <pc:docMk/>
      </pc:docMkLst>
      <pc:sldChg chg="addCm modCm">
        <pc:chgData name="Jan Scheurich" userId="0f96fdce-ddbd-4bab-8e03-f9f0f63ef781" providerId="ADAL" clId="{0946EC57-D7E9-488E-AC3F-E8627EE76EE7}" dt="2024-02-09T08:45:37.332" v="1" actId="2056"/>
        <pc:sldMkLst>
          <pc:docMk/>
          <pc:sldMk cId="2654244668" sldId="2147469499"/>
        </pc:sldMkLst>
        <pc:extLst>
          <p:ext xmlns:p="http://schemas.openxmlformats.org/presentationml/2006/main" uri="{D6D511B9-2390-475A-947B-AFAB55BFBCF1}">
            <pc226:cmChg xmlns:pc226="http://schemas.microsoft.com/office/powerpoint/2022/06/main/command" chg="add mod">
              <pc226:chgData name="Jan Scheurich" userId="0f96fdce-ddbd-4bab-8e03-f9f0f63ef781" providerId="ADAL" clId="{0946EC57-D7E9-488E-AC3F-E8627EE76EE7}" dt="2024-02-09T08:45:37.332" v="1" actId="2056"/>
              <pc2:cmMkLst xmlns:pc2="http://schemas.microsoft.com/office/powerpoint/2019/9/main/command">
                <pc:docMk/>
                <pc:sldMk cId="2654244668" sldId="2147469499"/>
                <pc2:cmMk id="{975739D1-6764-4287-A0E4-9A3828662160}"/>
              </pc2:cmMkLst>
            </pc226:cmChg>
          </p:ext>
        </pc:extLst>
      </pc:sldChg>
    </pc:docChg>
  </pc:docChgLst>
  <pc:docChgLst>
    <pc:chgData name="Tomas Fredberg" userId="4c888e0d-bd5a-4843-961c-47a355c4cb68" providerId="ADAL" clId="{2B630650-D0EE-4BA8-98B7-15DEBE2F256D}"/>
    <pc:docChg chg="undo custSel modSld">
      <pc:chgData name="Tomas Fredberg" userId="4c888e0d-bd5a-4843-961c-47a355c4cb68" providerId="ADAL" clId="{2B630650-D0EE-4BA8-98B7-15DEBE2F256D}" dt="2023-02-20T15:47:25.030" v="19" actId="20577"/>
      <pc:docMkLst>
        <pc:docMk/>
      </pc:docMkLst>
      <pc:sldChg chg="modSp mod">
        <pc:chgData name="Tomas Fredberg" userId="4c888e0d-bd5a-4843-961c-47a355c4cb68" providerId="ADAL" clId="{2B630650-D0EE-4BA8-98B7-15DEBE2F256D}" dt="2023-02-17T17:21:51.765" v="6" actId="14100"/>
        <pc:sldMkLst>
          <pc:docMk/>
          <pc:sldMk cId="219157774" sldId="2145704883"/>
        </pc:sldMkLst>
        <pc:spChg chg="mod">
          <ac:chgData name="Tomas Fredberg" userId="4c888e0d-bd5a-4843-961c-47a355c4cb68" providerId="ADAL" clId="{2B630650-D0EE-4BA8-98B7-15DEBE2F256D}" dt="2023-02-17T17:21:51.765" v="6" actId="14100"/>
          <ac:spMkLst>
            <pc:docMk/>
            <pc:sldMk cId="219157774" sldId="2145704883"/>
            <ac:spMk id="12" creationId="{FC46C302-AB20-473B-9C19-C6894A321AA1}"/>
          </ac:spMkLst>
        </pc:spChg>
      </pc:sldChg>
      <pc:sldChg chg="addCm">
        <pc:chgData name="Tomas Fredberg" userId="4c888e0d-bd5a-4843-961c-47a355c4cb68" providerId="ADAL" clId="{2B630650-D0EE-4BA8-98B7-15DEBE2F256D}" dt="2023-02-17T18:24:01.535" v="16"/>
        <pc:sldMkLst>
          <pc:docMk/>
          <pc:sldMk cId="966300875" sldId="2147375718"/>
        </pc:sldMkLst>
      </pc:sldChg>
      <pc:sldChg chg="modSp mod addCm modCm">
        <pc:chgData name="Tomas Fredberg" userId="4c888e0d-bd5a-4843-961c-47a355c4cb68" providerId="ADAL" clId="{2B630650-D0EE-4BA8-98B7-15DEBE2F256D}" dt="2023-02-20T15:47:25.030" v="19" actId="20577"/>
        <pc:sldMkLst>
          <pc:docMk/>
          <pc:sldMk cId="3262035270" sldId="2147375789"/>
        </pc:sldMkLst>
        <pc:spChg chg="mod">
          <ac:chgData name="Tomas Fredberg" userId="4c888e0d-bd5a-4843-961c-47a355c4cb68" providerId="ADAL" clId="{2B630650-D0EE-4BA8-98B7-15DEBE2F256D}" dt="2023-02-20T15:47:25.030" v="19" actId="20577"/>
          <ac:spMkLst>
            <pc:docMk/>
            <pc:sldMk cId="3262035270" sldId="2147375789"/>
            <ac:spMk id="3" creationId="{D25CF673-A18E-4342-86B7-320A29E92F50}"/>
          </ac:spMkLst>
        </pc:spChg>
      </pc:sldChg>
      <pc:sldChg chg="addCm modCm">
        <pc:chgData name="Tomas Fredberg" userId="4c888e0d-bd5a-4843-961c-47a355c4cb68" providerId="ADAL" clId="{2B630650-D0EE-4BA8-98B7-15DEBE2F256D}" dt="2023-02-20T11:50:07.115" v="17"/>
        <pc:sldMkLst>
          <pc:docMk/>
          <pc:sldMk cId="1527140223" sldId="2147375793"/>
        </pc:sldMkLst>
      </pc:sldChg>
      <pc:sldChg chg="modCm">
        <pc:chgData name="Tomas Fredberg" userId="4c888e0d-bd5a-4843-961c-47a355c4cb68" providerId="ADAL" clId="{2B630650-D0EE-4BA8-98B7-15DEBE2F256D}" dt="2023-02-17T17:27:18.753" v="7"/>
        <pc:sldMkLst>
          <pc:docMk/>
          <pc:sldMk cId="1245359931" sldId="2147469481"/>
        </pc:sldMkLst>
      </pc:sldChg>
    </pc:docChg>
  </pc:docChgLst>
  <pc:docChgLst>
    <pc:chgData name="Griffin, John" userId="bdb63092-507d-4fe1-bbef-63b7df779301" providerId="ADAL" clId="{F19A8A50-C204-4F52-9E8B-5160657443A2}"/>
    <pc:docChg chg="undo redo custSel addSld delSld modSld sldOrd">
      <pc:chgData name="Griffin, John" userId="bdb63092-507d-4fe1-bbef-63b7df779301" providerId="ADAL" clId="{F19A8A50-C204-4F52-9E8B-5160657443A2}" dt="2023-03-02T16:43:15.533" v="2931"/>
      <pc:docMkLst>
        <pc:docMk/>
      </pc:docMkLst>
      <pc:sldChg chg="modSp mod">
        <pc:chgData name="Griffin, John" userId="bdb63092-507d-4fe1-bbef-63b7df779301" providerId="ADAL" clId="{F19A8A50-C204-4F52-9E8B-5160657443A2}" dt="2023-02-21T09:05:25.905" v="1776" actId="6549"/>
        <pc:sldMkLst>
          <pc:docMk/>
          <pc:sldMk cId="0" sldId="256"/>
        </pc:sldMkLst>
        <pc:spChg chg="mod">
          <ac:chgData name="Griffin, John" userId="bdb63092-507d-4fe1-bbef-63b7df779301" providerId="ADAL" clId="{F19A8A50-C204-4F52-9E8B-5160657443A2}" dt="2023-02-17T09:07:57.981" v="371" actId="20577"/>
          <ac:spMkLst>
            <pc:docMk/>
            <pc:sldMk cId="0" sldId="256"/>
            <ac:spMk id="6" creationId="{AD08FC6A-E318-4CBE-82E1-B6485388FCA0}"/>
          </ac:spMkLst>
        </pc:spChg>
        <pc:spChg chg="mod">
          <ac:chgData name="Griffin, John" userId="bdb63092-507d-4fe1-bbef-63b7df779301" providerId="ADAL" clId="{F19A8A50-C204-4F52-9E8B-5160657443A2}" dt="2023-02-21T09:05:25.905" v="1776" actId="6549"/>
          <ac:spMkLst>
            <pc:docMk/>
            <pc:sldMk cId="0" sldId="256"/>
            <ac:spMk id="349" creationId="{00000000-0000-0000-0000-000000000000}"/>
          </ac:spMkLst>
        </pc:spChg>
        <pc:spChg chg="mod">
          <ac:chgData name="Griffin, John" userId="bdb63092-507d-4fe1-bbef-63b7df779301" providerId="ADAL" clId="{F19A8A50-C204-4F52-9E8B-5160657443A2}" dt="2023-02-20T11:01:38.398" v="1209" actId="6549"/>
          <ac:spMkLst>
            <pc:docMk/>
            <pc:sldMk cId="0" sldId="256"/>
            <ac:spMk id="350" creationId="{00000000-0000-0000-0000-000000000000}"/>
          </ac:spMkLst>
        </pc:spChg>
      </pc:sldChg>
      <pc:sldChg chg="addSp modSp mod addCm modCm modNotes">
        <pc:chgData name="Griffin, John" userId="bdb63092-507d-4fe1-bbef-63b7df779301" providerId="ADAL" clId="{F19A8A50-C204-4F52-9E8B-5160657443A2}" dt="2023-02-21T12:32:35.146" v="2896" actId="1076"/>
        <pc:sldMkLst>
          <pc:docMk/>
          <pc:sldMk cId="219157774" sldId="2145704883"/>
        </pc:sldMkLst>
        <pc:spChg chg="mod ord">
          <ac:chgData name="Griffin, John" userId="bdb63092-507d-4fe1-bbef-63b7df779301" providerId="ADAL" clId="{F19A8A50-C204-4F52-9E8B-5160657443A2}" dt="2023-02-21T12:32:35.146" v="2896" actId="1076"/>
          <ac:spMkLst>
            <pc:docMk/>
            <pc:sldMk cId="219157774" sldId="2145704883"/>
            <ac:spMk id="3" creationId="{3282E52C-D2E2-44D8-A66F-5B0F053428F1}"/>
          </ac:spMkLst>
        </pc:spChg>
        <pc:picChg chg="add mod">
          <ac:chgData name="Griffin, John" userId="bdb63092-507d-4fe1-bbef-63b7df779301" providerId="ADAL" clId="{F19A8A50-C204-4F52-9E8B-5160657443A2}" dt="2023-02-21T11:32:31.565" v="2891" actId="14100"/>
          <ac:picMkLst>
            <pc:docMk/>
            <pc:sldMk cId="219157774" sldId="2145704883"/>
            <ac:picMk id="5" creationId="{15485F92-76ED-9754-8FF7-484C6A23AEED}"/>
          </ac:picMkLst>
        </pc:picChg>
      </pc:sldChg>
      <pc:sldChg chg="delSp modSp del mod modShow">
        <pc:chgData name="Griffin, John" userId="bdb63092-507d-4fe1-bbef-63b7df779301" providerId="ADAL" clId="{F19A8A50-C204-4F52-9E8B-5160657443A2}" dt="2023-02-17T11:17:17.664" v="970" actId="47"/>
        <pc:sldMkLst>
          <pc:docMk/>
          <pc:sldMk cId="1289432401" sldId="2147309856"/>
        </pc:sldMkLst>
        <pc:spChg chg="mod">
          <ac:chgData name="Griffin, John" userId="bdb63092-507d-4fe1-bbef-63b7df779301" providerId="ADAL" clId="{F19A8A50-C204-4F52-9E8B-5160657443A2}" dt="2023-02-16T18:53:42.812" v="369" actId="1076"/>
          <ac:spMkLst>
            <pc:docMk/>
            <pc:sldMk cId="1289432401" sldId="2147309856"/>
            <ac:spMk id="3" creationId="{D73A0371-A70D-4F0C-9234-C4CC81EE5A7F}"/>
          </ac:spMkLst>
        </pc:spChg>
        <pc:spChg chg="del mod">
          <ac:chgData name="Griffin, John" userId="bdb63092-507d-4fe1-bbef-63b7df779301" providerId="ADAL" clId="{F19A8A50-C204-4F52-9E8B-5160657443A2}" dt="2023-02-16T18:46:55.423" v="302" actId="21"/>
          <ac:spMkLst>
            <pc:docMk/>
            <pc:sldMk cId="1289432401" sldId="2147309856"/>
            <ac:spMk id="37" creationId="{253DEE31-2FAB-4F85-996F-DEB669A1A121}"/>
          </ac:spMkLst>
        </pc:spChg>
      </pc:sldChg>
      <pc:sldChg chg="modSp">
        <pc:chgData name="Griffin, John" userId="bdb63092-507d-4fe1-bbef-63b7df779301" providerId="ADAL" clId="{F19A8A50-C204-4F52-9E8B-5160657443A2}" dt="2023-02-20T14:23:54.819" v="1691"/>
        <pc:sldMkLst>
          <pc:docMk/>
          <pc:sldMk cId="1516139018" sldId="2147375708"/>
        </pc:sldMkLst>
        <pc:spChg chg="mod">
          <ac:chgData name="Griffin, John" userId="bdb63092-507d-4fe1-bbef-63b7df779301" providerId="ADAL" clId="{F19A8A50-C204-4F52-9E8B-5160657443A2}" dt="2023-02-20T14:23:54.819" v="1691"/>
          <ac:spMkLst>
            <pc:docMk/>
            <pc:sldMk cId="1516139018" sldId="2147375708"/>
            <ac:spMk id="35" creationId="{A440E702-4B1B-4D11-8275-E18A5BBC388D}"/>
          </ac:spMkLst>
        </pc:spChg>
        <pc:spChg chg="mod">
          <ac:chgData name="Griffin, John" userId="bdb63092-507d-4fe1-bbef-63b7df779301" providerId="ADAL" clId="{F19A8A50-C204-4F52-9E8B-5160657443A2}" dt="2023-02-20T10:38:22.639" v="981"/>
          <ac:spMkLst>
            <pc:docMk/>
            <pc:sldMk cId="1516139018" sldId="2147375708"/>
            <ac:spMk id="54" creationId="{EE76F045-C8EA-4EAB-8E8F-01151B8ACAA8}"/>
          </ac:spMkLst>
        </pc:spChg>
      </pc:sldChg>
      <pc:sldChg chg="modSp">
        <pc:chgData name="Griffin, John" userId="bdb63092-507d-4fe1-bbef-63b7df779301" providerId="ADAL" clId="{F19A8A50-C204-4F52-9E8B-5160657443A2}" dt="2023-02-20T14:23:54.819" v="1691"/>
        <pc:sldMkLst>
          <pc:docMk/>
          <pc:sldMk cId="2265169015" sldId="2147375710"/>
        </pc:sldMkLst>
        <pc:spChg chg="mod">
          <ac:chgData name="Griffin, John" userId="bdb63092-507d-4fe1-bbef-63b7df779301" providerId="ADAL" clId="{F19A8A50-C204-4F52-9E8B-5160657443A2}" dt="2023-02-20T10:38:22.639" v="981"/>
          <ac:spMkLst>
            <pc:docMk/>
            <pc:sldMk cId="2265169015" sldId="2147375710"/>
            <ac:spMk id="36" creationId="{D86C1719-7D85-476C-8304-256E39D0C363}"/>
          </ac:spMkLst>
        </pc:spChg>
        <pc:spChg chg="mod">
          <ac:chgData name="Griffin, John" userId="bdb63092-507d-4fe1-bbef-63b7df779301" providerId="ADAL" clId="{F19A8A50-C204-4F52-9E8B-5160657443A2}" dt="2023-02-20T14:23:54.819" v="1691"/>
          <ac:spMkLst>
            <pc:docMk/>
            <pc:sldMk cId="2265169015" sldId="2147375710"/>
            <ac:spMk id="44" creationId="{02F89623-00E3-40CD-947C-370536818823}"/>
          </ac:spMkLst>
        </pc:spChg>
      </pc:sldChg>
      <pc:sldChg chg="modSp mod modCm modNotesTx">
        <pc:chgData name="Griffin, John" userId="bdb63092-507d-4fe1-bbef-63b7df779301" providerId="ADAL" clId="{F19A8A50-C204-4F52-9E8B-5160657443A2}" dt="2023-02-22T10:55:24.502" v="2921" actId="404"/>
        <pc:sldMkLst>
          <pc:docMk/>
          <pc:sldMk cId="966300875" sldId="2147375718"/>
        </pc:sldMkLst>
        <pc:spChg chg="mod">
          <ac:chgData name="Griffin, John" userId="bdb63092-507d-4fe1-bbef-63b7df779301" providerId="ADAL" clId="{F19A8A50-C204-4F52-9E8B-5160657443A2}" dt="2023-02-21T12:35:41.970" v="2902" actId="20577"/>
          <ac:spMkLst>
            <pc:docMk/>
            <pc:sldMk cId="966300875" sldId="2147375718"/>
            <ac:spMk id="2" creationId="{5F0AF32C-473E-40F1-BC1C-348833527C43}"/>
          </ac:spMkLst>
        </pc:spChg>
        <pc:spChg chg="mod">
          <ac:chgData name="Griffin, John" userId="bdb63092-507d-4fe1-bbef-63b7df779301" providerId="ADAL" clId="{F19A8A50-C204-4F52-9E8B-5160657443A2}" dt="2023-02-22T10:55:24.502" v="2921" actId="404"/>
          <ac:spMkLst>
            <pc:docMk/>
            <pc:sldMk cId="966300875" sldId="2147375718"/>
            <ac:spMk id="3" creationId="{B521614E-DF5D-4DDD-BE38-AB1005E14931}"/>
          </ac:spMkLst>
        </pc:spChg>
      </pc:sldChg>
      <pc:sldChg chg="modSp mod addCm modCm">
        <pc:chgData name="Griffin, John" userId="bdb63092-507d-4fe1-bbef-63b7df779301" providerId="ADAL" clId="{F19A8A50-C204-4F52-9E8B-5160657443A2}" dt="2023-02-21T09:30:13.706" v="2218"/>
        <pc:sldMkLst>
          <pc:docMk/>
          <pc:sldMk cId="3739816706" sldId="2147375735"/>
        </pc:sldMkLst>
        <pc:spChg chg="mod">
          <ac:chgData name="Griffin, John" userId="bdb63092-507d-4fe1-bbef-63b7df779301" providerId="ADAL" clId="{F19A8A50-C204-4F52-9E8B-5160657443A2}" dt="2023-02-17T09:53:55.917" v="968" actId="14100"/>
          <ac:spMkLst>
            <pc:docMk/>
            <pc:sldMk cId="3739816706" sldId="2147375735"/>
            <ac:spMk id="2" creationId="{C9E42817-A28D-4A27-A3CF-10DC610DEF3C}"/>
          </ac:spMkLst>
        </pc:spChg>
      </pc:sldChg>
      <pc:sldChg chg="add mod modShow">
        <pc:chgData name="Griffin, John" userId="bdb63092-507d-4fe1-bbef-63b7df779301" providerId="ADAL" clId="{F19A8A50-C204-4F52-9E8B-5160657443A2}" dt="2023-02-16T18:52:22.101" v="354" actId="729"/>
        <pc:sldMkLst>
          <pc:docMk/>
          <pc:sldMk cId="3849294935" sldId="2147375751"/>
        </pc:sldMkLst>
      </pc:sldChg>
      <pc:sldChg chg="add mod modShow">
        <pc:chgData name="Griffin, John" userId="bdb63092-507d-4fe1-bbef-63b7df779301" providerId="ADAL" clId="{F19A8A50-C204-4F52-9E8B-5160657443A2}" dt="2023-02-16T18:52:22.101" v="354" actId="729"/>
        <pc:sldMkLst>
          <pc:docMk/>
          <pc:sldMk cId="321595884" sldId="2147375752"/>
        </pc:sldMkLst>
      </pc:sldChg>
      <pc:sldChg chg="add mod modShow">
        <pc:chgData name="Griffin, John" userId="bdb63092-507d-4fe1-bbef-63b7df779301" providerId="ADAL" clId="{F19A8A50-C204-4F52-9E8B-5160657443A2}" dt="2023-02-16T18:52:22.101" v="354" actId="729"/>
        <pc:sldMkLst>
          <pc:docMk/>
          <pc:sldMk cId="3727700399" sldId="2147375754"/>
        </pc:sldMkLst>
      </pc:sldChg>
      <pc:sldChg chg="add mod modShow">
        <pc:chgData name="Griffin, John" userId="bdb63092-507d-4fe1-bbef-63b7df779301" providerId="ADAL" clId="{F19A8A50-C204-4F52-9E8B-5160657443A2}" dt="2023-02-16T18:52:22.101" v="354" actId="729"/>
        <pc:sldMkLst>
          <pc:docMk/>
          <pc:sldMk cId="2094664623" sldId="2147375755"/>
        </pc:sldMkLst>
      </pc:sldChg>
      <pc:sldChg chg="add mod modShow">
        <pc:chgData name="Griffin, John" userId="bdb63092-507d-4fe1-bbef-63b7df779301" providerId="ADAL" clId="{F19A8A50-C204-4F52-9E8B-5160657443A2}" dt="2023-02-16T18:52:25.477" v="355" actId="729"/>
        <pc:sldMkLst>
          <pc:docMk/>
          <pc:sldMk cId="1856038250" sldId="2147375756"/>
        </pc:sldMkLst>
      </pc:sldChg>
      <pc:sldChg chg="modNotesTx">
        <pc:chgData name="Griffin, John" userId="bdb63092-507d-4fe1-bbef-63b7df779301" providerId="ADAL" clId="{F19A8A50-C204-4F52-9E8B-5160657443A2}" dt="2023-02-20T11:00:40.440" v="1168" actId="6549"/>
        <pc:sldMkLst>
          <pc:docMk/>
          <pc:sldMk cId="988218268" sldId="2147375773"/>
        </pc:sldMkLst>
      </pc:sldChg>
      <pc:sldChg chg="del">
        <pc:chgData name="Griffin, John" userId="bdb63092-507d-4fe1-bbef-63b7df779301" providerId="ADAL" clId="{F19A8A50-C204-4F52-9E8B-5160657443A2}" dt="2023-02-20T11:00:25.193" v="1167" actId="47"/>
        <pc:sldMkLst>
          <pc:docMk/>
          <pc:sldMk cId="2319776832" sldId="2147375775"/>
        </pc:sldMkLst>
      </pc:sldChg>
      <pc:sldChg chg="del">
        <pc:chgData name="Griffin, John" userId="bdb63092-507d-4fe1-bbef-63b7df779301" providerId="ADAL" clId="{F19A8A50-C204-4F52-9E8B-5160657443A2}" dt="2023-02-20T11:00:25.193" v="1167" actId="47"/>
        <pc:sldMkLst>
          <pc:docMk/>
          <pc:sldMk cId="1462611" sldId="2147375779"/>
        </pc:sldMkLst>
      </pc:sldChg>
      <pc:sldChg chg="addCm">
        <pc:chgData name="Griffin, John" userId="bdb63092-507d-4fe1-bbef-63b7df779301" providerId="ADAL" clId="{F19A8A50-C204-4F52-9E8B-5160657443A2}" dt="2023-02-21T09:29:52.455" v="2217"/>
        <pc:sldMkLst>
          <pc:docMk/>
          <pc:sldMk cId="817523821" sldId="2147375780"/>
        </pc:sldMkLst>
      </pc:sldChg>
      <pc:sldChg chg="modSp mod modCm">
        <pc:chgData name="Griffin, John" userId="bdb63092-507d-4fe1-bbef-63b7df779301" providerId="ADAL" clId="{F19A8A50-C204-4F52-9E8B-5160657443A2}" dt="2023-02-21T12:35:16.212" v="2900" actId="20577"/>
        <pc:sldMkLst>
          <pc:docMk/>
          <pc:sldMk cId="3262035270" sldId="2147375789"/>
        </pc:sldMkLst>
        <pc:spChg chg="mod">
          <ac:chgData name="Griffin, John" userId="bdb63092-507d-4fe1-bbef-63b7df779301" providerId="ADAL" clId="{F19A8A50-C204-4F52-9E8B-5160657443A2}" dt="2023-02-21T09:48:33.379" v="2623" actId="20577"/>
          <ac:spMkLst>
            <pc:docMk/>
            <pc:sldMk cId="3262035270" sldId="2147375789"/>
            <ac:spMk id="3" creationId="{D25CF673-A18E-4342-86B7-320A29E92F50}"/>
          </ac:spMkLst>
        </pc:spChg>
        <pc:spChg chg="mod">
          <ac:chgData name="Griffin, John" userId="bdb63092-507d-4fe1-bbef-63b7df779301" providerId="ADAL" clId="{F19A8A50-C204-4F52-9E8B-5160657443A2}" dt="2023-02-17T09:10:29.938" v="400" actId="1076"/>
          <ac:spMkLst>
            <pc:docMk/>
            <pc:sldMk cId="3262035270" sldId="2147375789"/>
            <ac:spMk id="7" creationId="{9E01DB72-D7C4-464A-962E-E23398C97E3D}"/>
          </ac:spMkLst>
        </pc:spChg>
        <pc:spChg chg="mod">
          <ac:chgData name="Griffin, John" userId="bdb63092-507d-4fe1-bbef-63b7df779301" providerId="ADAL" clId="{F19A8A50-C204-4F52-9E8B-5160657443A2}" dt="2023-02-21T12:35:16.212" v="2900" actId="20577"/>
          <ac:spMkLst>
            <pc:docMk/>
            <pc:sldMk cId="3262035270" sldId="2147375789"/>
            <ac:spMk id="9" creationId="{105C65A4-B52F-4449-9D87-31A9F8380DC2}"/>
          </ac:spMkLst>
        </pc:spChg>
      </pc:sldChg>
      <pc:sldChg chg="del">
        <pc:chgData name="Griffin, John" userId="bdb63092-507d-4fe1-bbef-63b7df779301" providerId="ADAL" clId="{F19A8A50-C204-4F52-9E8B-5160657443A2}" dt="2023-02-20T11:00:25.193" v="1167" actId="47"/>
        <pc:sldMkLst>
          <pc:docMk/>
          <pc:sldMk cId="2699126362" sldId="2147375791"/>
        </pc:sldMkLst>
      </pc:sldChg>
      <pc:sldChg chg="addSp delSp modSp mod addCm modCm modNotes">
        <pc:chgData name="Griffin, John" userId="bdb63092-507d-4fe1-bbef-63b7df779301" providerId="ADAL" clId="{F19A8A50-C204-4F52-9E8B-5160657443A2}" dt="2023-02-21T12:53:13.184" v="2914"/>
        <pc:sldMkLst>
          <pc:docMk/>
          <pc:sldMk cId="1527140223" sldId="2147375793"/>
        </pc:sldMkLst>
        <pc:spChg chg="mod">
          <ac:chgData name="Griffin, John" userId="bdb63092-507d-4fe1-bbef-63b7df779301" providerId="ADAL" clId="{F19A8A50-C204-4F52-9E8B-5160657443A2}" dt="2023-02-21T12:35:23.817" v="2901" actId="20577"/>
          <ac:spMkLst>
            <pc:docMk/>
            <pc:sldMk cId="1527140223" sldId="2147375793"/>
            <ac:spMk id="2" creationId="{68FEBDA0-E75A-4562-ACA9-4A9F8F60DD75}"/>
          </ac:spMkLst>
        </pc:spChg>
        <pc:spChg chg="add mod">
          <ac:chgData name="Griffin, John" userId="bdb63092-507d-4fe1-bbef-63b7df779301" providerId="ADAL" clId="{F19A8A50-C204-4F52-9E8B-5160657443A2}" dt="2023-02-21T11:26:21.025" v="2856" actId="6549"/>
          <ac:spMkLst>
            <pc:docMk/>
            <pc:sldMk cId="1527140223" sldId="2147375793"/>
            <ac:spMk id="3" creationId="{4162DB2F-9943-76BD-FE2E-8AB04DFBAC06}"/>
          </ac:spMkLst>
        </pc:spChg>
        <pc:spChg chg="del">
          <ac:chgData name="Griffin, John" userId="bdb63092-507d-4fe1-bbef-63b7df779301" providerId="ADAL" clId="{F19A8A50-C204-4F52-9E8B-5160657443A2}" dt="2023-02-21T12:31:41.141" v="2892" actId="478"/>
          <ac:spMkLst>
            <pc:docMk/>
            <pc:sldMk cId="1527140223" sldId="2147375793"/>
            <ac:spMk id="4" creationId="{29CBDFB9-1A66-3BE7-6397-982FF730BBA8}"/>
          </ac:spMkLst>
        </pc:spChg>
        <pc:spChg chg="mod">
          <ac:chgData name="Griffin, John" userId="bdb63092-507d-4fe1-bbef-63b7df779301" providerId="ADAL" clId="{F19A8A50-C204-4F52-9E8B-5160657443A2}" dt="2023-02-20T14:23:54.819" v="1691"/>
          <ac:spMkLst>
            <pc:docMk/>
            <pc:sldMk cId="1527140223" sldId="2147375793"/>
            <ac:spMk id="49" creationId="{2A1C841B-4C84-4D8B-9D1A-E3E2684F65DD}"/>
          </ac:spMkLst>
        </pc:spChg>
        <pc:spChg chg="mod">
          <ac:chgData name="Griffin, John" userId="bdb63092-507d-4fe1-bbef-63b7df779301" providerId="ADAL" clId="{F19A8A50-C204-4F52-9E8B-5160657443A2}" dt="2023-02-21T11:27:52.523" v="2872" actId="20577"/>
          <ac:spMkLst>
            <pc:docMk/>
            <pc:sldMk cId="1527140223" sldId="2147375793"/>
            <ac:spMk id="114" creationId="{BBA36B5D-7B70-4A92-AA52-095BF3F1F7A6}"/>
          </ac:spMkLst>
        </pc:spChg>
        <pc:spChg chg="mod">
          <ac:chgData name="Griffin, John" userId="bdb63092-507d-4fe1-bbef-63b7df779301" providerId="ADAL" clId="{F19A8A50-C204-4F52-9E8B-5160657443A2}" dt="2023-02-21T11:27:37.122" v="2870" actId="1076"/>
          <ac:spMkLst>
            <pc:docMk/>
            <pc:sldMk cId="1527140223" sldId="2147375793"/>
            <ac:spMk id="115" creationId="{DCAA5D20-4DD0-49E5-B4C8-C867B29A62B6}"/>
          </ac:spMkLst>
        </pc:spChg>
        <pc:spChg chg="mod">
          <ac:chgData name="Griffin, John" userId="bdb63092-507d-4fe1-bbef-63b7df779301" providerId="ADAL" clId="{F19A8A50-C204-4F52-9E8B-5160657443A2}" dt="2023-02-21T11:27:54.981" v="2873" actId="6549"/>
          <ac:spMkLst>
            <pc:docMk/>
            <pc:sldMk cId="1527140223" sldId="2147375793"/>
            <ac:spMk id="123" creationId="{C5188EB9-3D56-45D9-AE44-A796ABE35937}"/>
          </ac:spMkLst>
        </pc:spChg>
        <pc:spChg chg="mod">
          <ac:chgData name="Griffin, John" userId="bdb63092-507d-4fe1-bbef-63b7df779301" providerId="ADAL" clId="{F19A8A50-C204-4F52-9E8B-5160657443A2}" dt="2023-02-21T11:27:39.523" v="2871" actId="1076"/>
          <ac:spMkLst>
            <pc:docMk/>
            <pc:sldMk cId="1527140223" sldId="2147375793"/>
            <ac:spMk id="124" creationId="{66B0090C-0433-479F-BF10-6B6748C6A441}"/>
          </ac:spMkLst>
        </pc:spChg>
        <pc:spChg chg="mod">
          <ac:chgData name="Griffin, John" userId="bdb63092-507d-4fe1-bbef-63b7df779301" providerId="ADAL" clId="{F19A8A50-C204-4F52-9E8B-5160657443A2}" dt="2023-02-21T11:27:57.793" v="2874" actId="6549"/>
          <ac:spMkLst>
            <pc:docMk/>
            <pc:sldMk cId="1527140223" sldId="2147375793"/>
            <ac:spMk id="127" creationId="{D90B0964-D8C4-477B-836E-814C6DC6CFFF}"/>
          </ac:spMkLst>
        </pc:spChg>
        <pc:spChg chg="mod">
          <ac:chgData name="Griffin, John" userId="bdb63092-507d-4fe1-bbef-63b7df779301" providerId="ADAL" clId="{F19A8A50-C204-4F52-9E8B-5160657443A2}" dt="2023-02-21T11:27:33.188" v="2869" actId="1076"/>
          <ac:spMkLst>
            <pc:docMk/>
            <pc:sldMk cId="1527140223" sldId="2147375793"/>
            <ac:spMk id="128" creationId="{ABFBB9F2-2FDB-439E-8D5F-5DEBA3BE33E3}"/>
          </ac:spMkLst>
        </pc:spChg>
      </pc:sldChg>
      <pc:sldChg chg="ord addCm modCm">
        <pc:chgData name="Griffin, John" userId="bdb63092-507d-4fe1-bbef-63b7df779301" providerId="ADAL" clId="{F19A8A50-C204-4F52-9E8B-5160657443A2}" dt="2023-02-21T09:49:31.336" v="2624"/>
        <pc:sldMkLst>
          <pc:docMk/>
          <pc:sldMk cId="1245359931" sldId="2147469481"/>
        </pc:sldMkLst>
      </pc:sldChg>
      <pc:sldChg chg="modSp mod">
        <pc:chgData name="Griffin, John" userId="bdb63092-507d-4fe1-bbef-63b7df779301" providerId="ADAL" clId="{F19A8A50-C204-4F52-9E8B-5160657443A2}" dt="2023-03-02T16:43:15.533" v="2931"/>
        <pc:sldMkLst>
          <pc:docMk/>
          <pc:sldMk cId="2560409470" sldId="2147469485"/>
        </pc:sldMkLst>
        <pc:graphicFrameChg chg="mod modGraphic">
          <ac:chgData name="Griffin, John" userId="bdb63092-507d-4fe1-bbef-63b7df779301" providerId="ADAL" clId="{F19A8A50-C204-4F52-9E8B-5160657443A2}" dt="2023-03-02T16:43:15.533" v="2931"/>
          <ac:graphicFrameMkLst>
            <pc:docMk/>
            <pc:sldMk cId="2560409470" sldId="2147469485"/>
            <ac:graphicFrameMk id="4" creationId="{F3AB156B-4675-CA69-20EE-18D2EE4307D3}"/>
          </ac:graphicFrameMkLst>
        </pc:graphicFrameChg>
      </pc:sldChg>
      <pc:sldChg chg="modSp mod ord">
        <pc:chgData name="Griffin, John" userId="bdb63092-507d-4fe1-bbef-63b7df779301" providerId="ADAL" clId="{F19A8A50-C204-4F52-9E8B-5160657443A2}" dt="2023-02-17T09:53:07.164" v="959" actId="14100"/>
        <pc:sldMkLst>
          <pc:docMk/>
          <pc:sldMk cId="876791639" sldId="2147469486"/>
        </pc:sldMkLst>
        <pc:spChg chg="mod">
          <ac:chgData name="Griffin, John" userId="bdb63092-507d-4fe1-bbef-63b7df779301" providerId="ADAL" clId="{F19A8A50-C204-4F52-9E8B-5160657443A2}" dt="2023-02-17T09:53:07.164" v="959" actId="14100"/>
          <ac:spMkLst>
            <pc:docMk/>
            <pc:sldMk cId="876791639" sldId="2147469486"/>
            <ac:spMk id="2" creationId="{76B5E180-29AD-BCE2-7806-29D2EC6E153C}"/>
          </ac:spMkLst>
        </pc:spChg>
      </pc:sldChg>
      <pc:sldChg chg="modSp mod addCm modCm">
        <pc:chgData name="Griffin, John" userId="bdb63092-507d-4fe1-bbef-63b7df779301" providerId="ADAL" clId="{F19A8A50-C204-4F52-9E8B-5160657443A2}" dt="2023-02-21T09:24:08.806" v="2215" actId="2056"/>
        <pc:sldMkLst>
          <pc:docMk/>
          <pc:sldMk cId="3071953759" sldId="2147469487"/>
        </pc:sldMkLst>
        <pc:spChg chg="mod">
          <ac:chgData name="Griffin, John" userId="bdb63092-507d-4fe1-bbef-63b7df779301" providerId="ADAL" clId="{F19A8A50-C204-4F52-9E8B-5160657443A2}" dt="2023-02-20T14:23:54.819" v="1691"/>
          <ac:spMkLst>
            <pc:docMk/>
            <pc:sldMk cId="3071953759" sldId="2147469487"/>
            <ac:spMk id="2" creationId="{160C60B7-76F0-407E-BA95-EE55A26F2623}"/>
          </ac:spMkLst>
        </pc:spChg>
        <pc:spChg chg="mod ord">
          <ac:chgData name="Griffin, John" userId="bdb63092-507d-4fe1-bbef-63b7df779301" providerId="ADAL" clId="{F19A8A50-C204-4F52-9E8B-5160657443A2}" dt="2023-02-17T09:20:56.765" v="460" actId="1076"/>
          <ac:spMkLst>
            <pc:docMk/>
            <pc:sldMk cId="3071953759" sldId="2147469487"/>
            <ac:spMk id="5" creationId="{0F87F62D-5BB9-4359-9EED-572193036968}"/>
          </ac:spMkLst>
        </pc:spChg>
        <pc:spChg chg="mod">
          <ac:chgData name="Griffin, John" userId="bdb63092-507d-4fe1-bbef-63b7df779301" providerId="ADAL" clId="{F19A8A50-C204-4F52-9E8B-5160657443A2}" dt="2023-02-17T09:21:55.488" v="465" actId="20577"/>
          <ac:spMkLst>
            <pc:docMk/>
            <pc:sldMk cId="3071953759" sldId="2147469487"/>
            <ac:spMk id="11" creationId="{3CE56159-1AF5-5F95-0DEA-48C301C4D8D4}"/>
          </ac:spMkLst>
        </pc:spChg>
        <pc:spChg chg="mod">
          <ac:chgData name="Griffin, John" userId="bdb63092-507d-4fe1-bbef-63b7df779301" providerId="ADAL" clId="{F19A8A50-C204-4F52-9E8B-5160657443A2}" dt="2023-02-17T09:23:52.809" v="524" actId="20577"/>
          <ac:spMkLst>
            <pc:docMk/>
            <pc:sldMk cId="3071953759" sldId="2147469487"/>
            <ac:spMk id="18" creationId="{1667B6E9-B7D8-4DAC-AEC8-8391AA9AA112}"/>
          </ac:spMkLst>
        </pc:spChg>
        <pc:spChg chg="mod">
          <ac:chgData name="Griffin, John" userId="bdb63092-507d-4fe1-bbef-63b7df779301" providerId="ADAL" clId="{F19A8A50-C204-4F52-9E8B-5160657443A2}" dt="2023-02-17T09:19:10.179" v="458" actId="108"/>
          <ac:spMkLst>
            <pc:docMk/>
            <pc:sldMk cId="3071953759" sldId="2147469487"/>
            <ac:spMk id="22" creationId="{DF665670-E2A0-4605-9504-3FE343B4D9A0}"/>
          </ac:spMkLst>
        </pc:spChg>
        <pc:spChg chg="mod">
          <ac:chgData name="Griffin, John" userId="bdb63092-507d-4fe1-bbef-63b7df779301" providerId="ADAL" clId="{F19A8A50-C204-4F52-9E8B-5160657443A2}" dt="2023-02-17T09:24:40.248" v="540" actId="20577"/>
          <ac:spMkLst>
            <pc:docMk/>
            <pc:sldMk cId="3071953759" sldId="2147469487"/>
            <ac:spMk id="24" creationId="{3A83BD54-5BB4-F668-85BF-832C4E2522E4}"/>
          </ac:spMkLst>
        </pc:spChg>
        <pc:spChg chg="mod">
          <ac:chgData name="Griffin, John" userId="bdb63092-507d-4fe1-bbef-63b7df779301" providerId="ADAL" clId="{F19A8A50-C204-4F52-9E8B-5160657443A2}" dt="2023-02-17T09:25:20.815" v="557" actId="20577"/>
          <ac:spMkLst>
            <pc:docMk/>
            <pc:sldMk cId="3071953759" sldId="2147469487"/>
            <ac:spMk id="68" creationId="{12987EBC-ADC0-43F6-B0A0-A515C49A937C}"/>
          </ac:spMkLst>
        </pc:spChg>
        <pc:spChg chg="mod">
          <ac:chgData name="Griffin, John" userId="bdb63092-507d-4fe1-bbef-63b7df779301" providerId="ADAL" clId="{F19A8A50-C204-4F52-9E8B-5160657443A2}" dt="2023-02-17T09:22:59.391" v="490" actId="20577"/>
          <ac:spMkLst>
            <pc:docMk/>
            <pc:sldMk cId="3071953759" sldId="2147469487"/>
            <ac:spMk id="72" creationId="{D0432547-1A0B-4678-896F-FD1821C7B8DE}"/>
          </ac:spMkLst>
        </pc:spChg>
        <pc:spChg chg="mod">
          <ac:chgData name="Griffin, John" userId="bdb63092-507d-4fe1-bbef-63b7df779301" providerId="ADAL" clId="{F19A8A50-C204-4F52-9E8B-5160657443A2}" dt="2023-02-17T09:23:47.205" v="521" actId="20577"/>
          <ac:spMkLst>
            <pc:docMk/>
            <pc:sldMk cId="3071953759" sldId="2147469487"/>
            <ac:spMk id="291" creationId="{93B98CE6-597D-4E81-A168-EF4D7F5BA76A}"/>
          </ac:spMkLst>
        </pc:spChg>
        <pc:spChg chg="mod">
          <ac:chgData name="Griffin, John" userId="bdb63092-507d-4fe1-bbef-63b7df779301" providerId="ADAL" clId="{F19A8A50-C204-4F52-9E8B-5160657443A2}" dt="2023-02-21T09:22:49.170" v="2213" actId="20577"/>
          <ac:spMkLst>
            <pc:docMk/>
            <pc:sldMk cId="3071953759" sldId="2147469487"/>
            <ac:spMk id="343" creationId="{58D1B885-28AA-4298-8A00-A4F98264C0F7}"/>
          </ac:spMkLst>
        </pc:spChg>
        <pc:cxnChg chg="mod">
          <ac:chgData name="Griffin, John" userId="bdb63092-507d-4fe1-bbef-63b7df779301" providerId="ADAL" clId="{F19A8A50-C204-4F52-9E8B-5160657443A2}" dt="2023-02-17T09:20:58.760" v="461" actId="1076"/>
          <ac:cxnSpMkLst>
            <pc:docMk/>
            <pc:sldMk cId="3071953759" sldId="2147469487"/>
            <ac:cxnSpMk id="35" creationId="{DAFEC3FE-1865-480E-A59D-8D126480834B}"/>
          </ac:cxnSpMkLst>
        </pc:cxnChg>
        <pc:cxnChg chg="mod">
          <ac:chgData name="Griffin, John" userId="bdb63092-507d-4fe1-bbef-63b7df779301" providerId="ADAL" clId="{F19A8A50-C204-4F52-9E8B-5160657443A2}" dt="2023-02-17T09:18:27.631" v="457" actId="1076"/>
          <ac:cxnSpMkLst>
            <pc:docMk/>
            <pc:sldMk cId="3071953759" sldId="2147469487"/>
            <ac:cxnSpMk id="73" creationId="{76CD2005-638F-4451-BA08-085C2AAC79E4}"/>
          </ac:cxnSpMkLst>
        </pc:cxnChg>
        <pc:cxnChg chg="mod">
          <ac:chgData name="Griffin, John" userId="bdb63092-507d-4fe1-bbef-63b7df779301" providerId="ADAL" clId="{F19A8A50-C204-4F52-9E8B-5160657443A2}" dt="2023-02-17T09:18:27.631" v="457" actId="1076"/>
          <ac:cxnSpMkLst>
            <pc:docMk/>
            <pc:sldMk cId="3071953759" sldId="2147469487"/>
            <ac:cxnSpMk id="225" creationId="{BF80BBCA-5487-3DF7-4446-9C1AD57B4947}"/>
          </ac:cxnSpMkLst>
        </pc:cxnChg>
      </pc:sldChg>
      <pc:sldChg chg="modSp add mod">
        <pc:chgData name="Griffin, John" userId="bdb63092-507d-4fe1-bbef-63b7df779301" providerId="ADAL" clId="{F19A8A50-C204-4F52-9E8B-5160657443A2}" dt="2023-02-16T18:53:08.203" v="368" actId="27636"/>
        <pc:sldMkLst>
          <pc:docMk/>
          <pc:sldMk cId="1623060146" sldId="2147469488"/>
        </pc:sldMkLst>
        <pc:spChg chg="mod">
          <ac:chgData name="Griffin, John" userId="bdb63092-507d-4fe1-bbef-63b7df779301" providerId="ADAL" clId="{F19A8A50-C204-4F52-9E8B-5160657443A2}" dt="2023-02-16T18:53:08.203" v="368" actId="27636"/>
          <ac:spMkLst>
            <pc:docMk/>
            <pc:sldMk cId="1623060146" sldId="2147469488"/>
            <ac:spMk id="2" creationId="{C9E42817-A28D-4A27-A3CF-10DC610DEF3C}"/>
          </ac:spMkLst>
        </pc:spChg>
      </pc:sldChg>
      <pc:sldChg chg="add del">
        <pc:chgData name="Griffin, John" userId="bdb63092-507d-4fe1-bbef-63b7df779301" providerId="ADAL" clId="{F19A8A50-C204-4F52-9E8B-5160657443A2}" dt="2023-02-16T18:52:51.948" v="357" actId="47"/>
        <pc:sldMkLst>
          <pc:docMk/>
          <pc:sldMk cId="3791293383" sldId="2147469488"/>
        </pc:sldMkLst>
      </pc:sldChg>
      <pc:sldChg chg="new del">
        <pc:chgData name="Griffin, John" userId="bdb63092-507d-4fe1-bbef-63b7df779301" providerId="ADAL" clId="{F19A8A50-C204-4F52-9E8B-5160657443A2}" dt="2023-02-21T11:19:37.206" v="2660" actId="680"/>
        <pc:sldMkLst>
          <pc:docMk/>
          <pc:sldMk cId="4035883150" sldId="2147469488"/>
        </pc:sldMkLst>
      </pc:sldChg>
    </pc:docChg>
  </pc:docChgLst>
  <pc:docChgLst>
    <pc:chgData name="Dimitrios Markou" userId="f3d15274-f365-49a7-8291-0b2d12aeecde" providerId="ADAL" clId="{91841F09-5CB1-44F4-92B1-ACB2DDBF3F10}"/>
    <pc:docChg chg="undo custSel addSld delSld modSld sldOrd">
      <pc:chgData name="Dimitrios Markou" userId="f3d15274-f365-49a7-8291-0b2d12aeecde" providerId="ADAL" clId="{91841F09-5CB1-44F4-92B1-ACB2DDBF3F10}" dt="2024-02-16T13:00:35.265" v="1462"/>
      <pc:docMkLst>
        <pc:docMk/>
      </pc:docMkLst>
      <pc:sldChg chg="modSp setBg">
        <pc:chgData name="Dimitrios Markou" userId="f3d15274-f365-49a7-8291-0b2d12aeecde" providerId="ADAL" clId="{91841F09-5CB1-44F4-92B1-ACB2DDBF3F10}" dt="2024-02-16T13:00:35.265" v="1462"/>
        <pc:sldMkLst>
          <pc:docMk/>
          <pc:sldMk cId="0" sldId="256"/>
        </pc:sldMkLst>
        <pc:spChg chg="mod">
          <ac:chgData name="Dimitrios Markou" userId="f3d15274-f365-49a7-8291-0b2d12aeecde" providerId="ADAL" clId="{91841F09-5CB1-44F4-92B1-ACB2DDBF3F10}" dt="2024-02-16T13:00:35.265" v="1462"/>
          <ac:spMkLst>
            <pc:docMk/>
            <pc:sldMk cId="0" sldId="256"/>
            <ac:spMk id="349" creationId="{00000000-0000-0000-0000-000000000000}"/>
          </ac:spMkLst>
        </pc:spChg>
      </pc:sldChg>
      <pc:sldChg chg="addSp delSp modSp mod modNotesTx">
        <pc:chgData name="Dimitrios Markou" userId="f3d15274-f365-49a7-8291-0b2d12aeecde" providerId="ADAL" clId="{91841F09-5CB1-44F4-92B1-ACB2DDBF3F10}" dt="2024-02-16T12:58:45.404" v="1457" actId="5793"/>
        <pc:sldMkLst>
          <pc:docMk/>
          <pc:sldMk cId="2389175636" sldId="296"/>
        </pc:sldMkLst>
        <pc:spChg chg="mod">
          <ac:chgData name="Dimitrios Markou" userId="f3d15274-f365-49a7-8291-0b2d12aeecde" providerId="ADAL" clId="{91841F09-5CB1-44F4-92B1-ACB2DDBF3F10}" dt="2024-02-09T13:32:50.225" v="272" actId="207"/>
          <ac:spMkLst>
            <pc:docMk/>
            <pc:sldMk cId="2389175636" sldId="296"/>
            <ac:spMk id="3" creationId="{00F119A5-8473-B2E9-0631-0502C0C1A1A5}"/>
          </ac:spMkLst>
        </pc:spChg>
        <pc:spChg chg="del">
          <ac:chgData name="Dimitrios Markou" userId="f3d15274-f365-49a7-8291-0b2d12aeecde" providerId="ADAL" clId="{91841F09-5CB1-44F4-92B1-ACB2DDBF3F10}" dt="2024-02-09T09:29:38.038" v="107" actId="478"/>
          <ac:spMkLst>
            <pc:docMk/>
            <pc:sldMk cId="2389175636" sldId="296"/>
            <ac:spMk id="4" creationId="{8963A2EA-3E04-89BA-9BB4-C7515242DD08}"/>
          </ac:spMkLst>
        </pc:spChg>
        <pc:spChg chg="mod">
          <ac:chgData name="Dimitrios Markou" userId="f3d15274-f365-49a7-8291-0b2d12aeecde" providerId="ADAL" clId="{91841F09-5CB1-44F4-92B1-ACB2DDBF3F10}" dt="2024-02-09T13:32:42.971" v="271" actId="207"/>
          <ac:spMkLst>
            <pc:docMk/>
            <pc:sldMk cId="2389175636" sldId="296"/>
            <ac:spMk id="5" creationId="{AA58D527-AAA7-8BF0-E9D9-2AA7B8D06E71}"/>
          </ac:spMkLst>
        </pc:spChg>
        <pc:spChg chg="mod">
          <ac:chgData name="Dimitrios Markou" userId="f3d15274-f365-49a7-8291-0b2d12aeecde" providerId="ADAL" clId="{91841F09-5CB1-44F4-92B1-ACB2DDBF3F10}" dt="2024-02-09T13:32:31.628" v="270" actId="108"/>
          <ac:spMkLst>
            <pc:docMk/>
            <pc:sldMk cId="2389175636" sldId="296"/>
            <ac:spMk id="9" creationId="{F77D49D5-0C5E-0697-CA5B-22B3E857F90E}"/>
          </ac:spMkLst>
        </pc:spChg>
        <pc:spChg chg="mod">
          <ac:chgData name="Dimitrios Markou" userId="f3d15274-f365-49a7-8291-0b2d12aeecde" providerId="ADAL" clId="{91841F09-5CB1-44F4-92B1-ACB2DDBF3F10}" dt="2024-02-09T14:04:05.818" v="438" actId="208"/>
          <ac:spMkLst>
            <pc:docMk/>
            <pc:sldMk cId="2389175636" sldId="296"/>
            <ac:spMk id="10" creationId="{281CE7ED-F1CD-E2AD-EF7C-F30258C926F9}"/>
          </ac:spMkLst>
        </pc:spChg>
        <pc:spChg chg="mod">
          <ac:chgData name="Dimitrios Markou" userId="f3d15274-f365-49a7-8291-0b2d12aeecde" providerId="ADAL" clId="{91841F09-5CB1-44F4-92B1-ACB2DDBF3F10}" dt="2024-02-09T14:03:54.527" v="437" actId="208"/>
          <ac:spMkLst>
            <pc:docMk/>
            <pc:sldMk cId="2389175636" sldId="296"/>
            <ac:spMk id="11" creationId="{E4BBEF12-F8FB-1712-8851-7ECC79D04073}"/>
          </ac:spMkLst>
        </pc:spChg>
        <pc:spChg chg="mod">
          <ac:chgData name="Dimitrios Markou" userId="f3d15274-f365-49a7-8291-0b2d12aeecde" providerId="ADAL" clId="{91841F09-5CB1-44F4-92B1-ACB2DDBF3F10}" dt="2024-02-09T13:48:50.692" v="341" actId="14100"/>
          <ac:spMkLst>
            <pc:docMk/>
            <pc:sldMk cId="2389175636" sldId="296"/>
            <ac:spMk id="20" creationId="{312C213A-ADB6-3058-9407-D0D2C352C2C2}"/>
          </ac:spMkLst>
        </pc:spChg>
        <pc:spChg chg="mod">
          <ac:chgData name="Dimitrios Markou" userId="f3d15274-f365-49a7-8291-0b2d12aeecde" providerId="ADAL" clId="{91841F09-5CB1-44F4-92B1-ACB2DDBF3F10}" dt="2024-02-12T11:19:14.456" v="1433" actId="404"/>
          <ac:spMkLst>
            <pc:docMk/>
            <pc:sldMk cId="2389175636" sldId="296"/>
            <ac:spMk id="30" creationId="{30148F72-DFB1-880D-4F72-1E9D6594E7CC}"/>
          </ac:spMkLst>
        </pc:spChg>
        <pc:spChg chg="mod">
          <ac:chgData name="Dimitrios Markou" userId="f3d15274-f365-49a7-8291-0b2d12aeecde" providerId="ADAL" clId="{91841F09-5CB1-44F4-92B1-ACB2DDBF3F10}" dt="2024-02-09T13:33:47.452" v="274" actId="404"/>
          <ac:spMkLst>
            <pc:docMk/>
            <pc:sldMk cId="2389175636" sldId="296"/>
            <ac:spMk id="31" creationId="{6AF86537-F281-842D-5A23-2BA5ADD612A6}"/>
          </ac:spMkLst>
        </pc:spChg>
        <pc:spChg chg="mod">
          <ac:chgData name="Dimitrios Markou" userId="f3d15274-f365-49a7-8291-0b2d12aeecde" providerId="ADAL" clId="{91841F09-5CB1-44F4-92B1-ACB2DDBF3F10}" dt="2024-02-09T13:32:17.857" v="268" actId="108"/>
          <ac:spMkLst>
            <pc:docMk/>
            <pc:sldMk cId="2389175636" sldId="296"/>
            <ac:spMk id="32" creationId="{AAC2F641-C366-B1FB-67C6-38C0B7F5EA36}"/>
          </ac:spMkLst>
        </pc:spChg>
        <pc:spChg chg="mod">
          <ac:chgData name="Dimitrios Markou" userId="f3d15274-f365-49a7-8291-0b2d12aeecde" providerId="ADAL" clId="{91841F09-5CB1-44F4-92B1-ACB2DDBF3F10}" dt="2024-02-09T13:30:27.754" v="255" actId="313"/>
          <ac:spMkLst>
            <pc:docMk/>
            <pc:sldMk cId="2389175636" sldId="296"/>
            <ac:spMk id="33" creationId="{AF2E6A19-AEB4-41FB-4937-C64CC9FEAA76}"/>
          </ac:spMkLst>
        </pc:spChg>
        <pc:spChg chg="mod">
          <ac:chgData name="Dimitrios Markou" userId="f3d15274-f365-49a7-8291-0b2d12aeecde" providerId="ADAL" clId="{91841F09-5CB1-44F4-92B1-ACB2DDBF3F10}" dt="2024-02-09T13:33:56.149" v="275" actId="108"/>
          <ac:spMkLst>
            <pc:docMk/>
            <pc:sldMk cId="2389175636" sldId="296"/>
            <ac:spMk id="34" creationId="{4AF5CA76-9747-EE60-BAC8-98B868BFBD8E}"/>
          </ac:spMkLst>
        </pc:spChg>
        <pc:spChg chg="mod">
          <ac:chgData name="Dimitrios Markou" userId="f3d15274-f365-49a7-8291-0b2d12aeecde" providerId="ADAL" clId="{91841F09-5CB1-44F4-92B1-ACB2DDBF3F10}" dt="2024-02-09T13:34:59.033" v="278" actId="207"/>
          <ac:spMkLst>
            <pc:docMk/>
            <pc:sldMk cId="2389175636" sldId="296"/>
            <ac:spMk id="38" creationId="{B984E5F0-C8C5-C59F-12F7-2F29AFDA7B75}"/>
          </ac:spMkLst>
        </pc:spChg>
        <pc:spChg chg="mod">
          <ac:chgData name="Dimitrios Markou" userId="f3d15274-f365-49a7-8291-0b2d12aeecde" providerId="ADAL" clId="{91841F09-5CB1-44F4-92B1-ACB2DDBF3F10}" dt="2024-02-09T13:35:14.788" v="280" actId="208"/>
          <ac:spMkLst>
            <pc:docMk/>
            <pc:sldMk cId="2389175636" sldId="296"/>
            <ac:spMk id="40" creationId="{8268DCD4-C9CC-8071-DAFF-6CC875A6D207}"/>
          </ac:spMkLst>
        </pc:spChg>
        <pc:spChg chg="add mod">
          <ac:chgData name="Dimitrios Markou" userId="f3d15274-f365-49a7-8291-0b2d12aeecde" providerId="ADAL" clId="{91841F09-5CB1-44F4-92B1-ACB2DDBF3F10}" dt="2024-02-09T14:02:49.131" v="430" actId="1076"/>
          <ac:spMkLst>
            <pc:docMk/>
            <pc:sldMk cId="2389175636" sldId="296"/>
            <ac:spMk id="41" creationId="{E3B4A560-4621-D89C-22C9-A3B71E6839D5}"/>
          </ac:spMkLst>
        </pc:spChg>
        <pc:spChg chg="add mod">
          <ac:chgData name="Dimitrios Markou" userId="f3d15274-f365-49a7-8291-0b2d12aeecde" providerId="ADAL" clId="{91841F09-5CB1-44F4-92B1-ACB2DDBF3F10}" dt="2024-02-09T14:02:57.870" v="432" actId="1076"/>
          <ac:spMkLst>
            <pc:docMk/>
            <pc:sldMk cId="2389175636" sldId="296"/>
            <ac:spMk id="42" creationId="{D4A546C3-E1B5-B305-381D-1D45850000C3}"/>
          </ac:spMkLst>
        </pc:spChg>
        <pc:spChg chg="add mod ord">
          <ac:chgData name="Dimitrios Markou" userId="f3d15274-f365-49a7-8291-0b2d12aeecde" providerId="ADAL" clId="{91841F09-5CB1-44F4-92B1-ACB2DDBF3F10}" dt="2024-02-09T13:51:58.839" v="360" actId="207"/>
          <ac:spMkLst>
            <pc:docMk/>
            <pc:sldMk cId="2389175636" sldId="296"/>
            <ac:spMk id="43" creationId="{63BBA67F-6ABF-B2C4-926E-2CDEE89E8B1C}"/>
          </ac:spMkLst>
        </pc:spChg>
        <pc:spChg chg="add mod">
          <ac:chgData name="Dimitrios Markou" userId="f3d15274-f365-49a7-8291-0b2d12aeecde" providerId="ADAL" clId="{91841F09-5CB1-44F4-92B1-ACB2DDBF3F10}" dt="2024-02-09T13:53:31.501" v="391" actId="20577"/>
          <ac:spMkLst>
            <pc:docMk/>
            <pc:sldMk cId="2389175636" sldId="296"/>
            <ac:spMk id="44" creationId="{BA62BF3C-C723-64DD-1D7B-5751B53075E9}"/>
          </ac:spMkLst>
        </pc:spChg>
        <pc:spChg chg="add mod ord">
          <ac:chgData name="Dimitrios Markou" userId="f3d15274-f365-49a7-8291-0b2d12aeecde" providerId="ADAL" clId="{91841F09-5CB1-44F4-92B1-ACB2DDBF3F10}" dt="2024-02-09T13:53:14.646" v="379" actId="167"/>
          <ac:spMkLst>
            <pc:docMk/>
            <pc:sldMk cId="2389175636" sldId="296"/>
            <ac:spMk id="45" creationId="{2CC54CC6-0EDD-30B1-5B03-6DC08A51838D}"/>
          </ac:spMkLst>
        </pc:spChg>
        <pc:spChg chg="add mod">
          <ac:chgData name="Dimitrios Markou" userId="f3d15274-f365-49a7-8291-0b2d12aeecde" providerId="ADAL" clId="{91841F09-5CB1-44F4-92B1-ACB2DDBF3F10}" dt="2024-02-09T13:53:42.024" v="401" actId="20577"/>
          <ac:spMkLst>
            <pc:docMk/>
            <pc:sldMk cId="2389175636" sldId="296"/>
            <ac:spMk id="46" creationId="{89C64EF7-1298-0BAF-8A3E-30F0C73E3E5D}"/>
          </ac:spMkLst>
        </pc:spChg>
        <pc:spChg chg="mod">
          <ac:chgData name="Dimitrios Markou" userId="f3d15274-f365-49a7-8291-0b2d12aeecde" providerId="ADAL" clId="{91841F09-5CB1-44F4-92B1-ACB2DDBF3F10}" dt="2024-02-09T13:34:31.487" v="276" actId="207"/>
          <ac:spMkLst>
            <pc:docMk/>
            <pc:sldMk cId="2389175636" sldId="296"/>
            <ac:spMk id="48" creationId="{5922662A-C65E-D51A-E51D-6CF058731943}"/>
          </ac:spMkLst>
        </pc:spChg>
        <pc:spChg chg="del">
          <ac:chgData name="Dimitrios Markou" userId="f3d15274-f365-49a7-8291-0b2d12aeecde" providerId="ADAL" clId="{91841F09-5CB1-44F4-92B1-ACB2DDBF3F10}" dt="2024-02-09T09:29:32.855" v="106" actId="478"/>
          <ac:spMkLst>
            <pc:docMk/>
            <pc:sldMk cId="2389175636" sldId="296"/>
            <ac:spMk id="50" creationId="{29AADFA7-7320-E92C-B2C2-3CD5B2FA4D7A}"/>
          </ac:spMkLst>
        </pc:spChg>
        <pc:spChg chg="add mod">
          <ac:chgData name="Dimitrios Markou" userId="f3d15274-f365-49a7-8291-0b2d12aeecde" providerId="ADAL" clId="{91841F09-5CB1-44F4-92B1-ACB2DDBF3F10}" dt="2024-02-09T14:03:11.075" v="434" actId="1076"/>
          <ac:spMkLst>
            <pc:docMk/>
            <pc:sldMk cId="2389175636" sldId="296"/>
            <ac:spMk id="50" creationId="{5DC47151-2AEB-58E1-A899-B40A135FABA3}"/>
          </ac:spMkLst>
        </pc:spChg>
        <pc:spChg chg="add mod">
          <ac:chgData name="Dimitrios Markou" userId="f3d15274-f365-49a7-8291-0b2d12aeecde" providerId="ADAL" clId="{91841F09-5CB1-44F4-92B1-ACB2DDBF3F10}" dt="2024-02-09T14:03:03.763" v="433" actId="1076"/>
          <ac:spMkLst>
            <pc:docMk/>
            <pc:sldMk cId="2389175636" sldId="296"/>
            <ac:spMk id="62" creationId="{7A00960B-AE55-67C1-9751-4134F993D372}"/>
          </ac:spMkLst>
        </pc:spChg>
        <pc:cxnChg chg="add mod">
          <ac:chgData name="Dimitrios Markou" userId="f3d15274-f365-49a7-8291-0b2d12aeecde" providerId="ADAL" clId="{91841F09-5CB1-44F4-92B1-ACB2DDBF3F10}" dt="2024-02-09T13:35:34.200" v="281" actId="14100"/>
          <ac:cxnSpMkLst>
            <pc:docMk/>
            <pc:sldMk cId="2389175636" sldId="296"/>
            <ac:cxnSpMk id="4" creationId="{2FF5251E-85E8-FC57-AD7A-BD22FAE1DD21}"/>
          </ac:cxnSpMkLst>
        </pc:cxnChg>
        <pc:cxnChg chg="add mod">
          <ac:chgData name="Dimitrios Markou" userId="f3d15274-f365-49a7-8291-0b2d12aeecde" providerId="ADAL" clId="{91841F09-5CB1-44F4-92B1-ACB2DDBF3F10}" dt="2024-02-09T13:31:16.917" v="266" actId="14100"/>
          <ac:cxnSpMkLst>
            <pc:docMk/>
            <pc:sldMk cId="2389175636" sldId="296"/>
            <ac:cxnSpMk id="16" creationId="{B5F696BC-5C28-056E-EB06-C3C500FAE901}"/>
          </ac:cxnSpMkLst>
        </pc:cxnChg>
        <pc:cxnChg chg="add mod">
          <ac:chgData name="Dimitrios Markou" userId="f3d15274-f365-49a7-8291-0b2d12aeecde" providerId="ADAL" clId="{91841F09-5CB1-44F4-92B1-ACB2DDBF3F10}" dt="2024-02-09T13:30:47.688" v="261" actId="14100"/>
          <ac:cxnSpMkLst>
            <pc:docMk/>
            <pc:sldMk cId="2389175636" sldId="296"/>
            <ac:cxnSpMk id="22" creationId="{9A56AD4A-9297-7903-7643-75A67504C54F}"/>
          </ac:cxnSpMkLst>
        </pc:cxnChg>
      </pc:sldChg>
      <pc:sldChg chg="del">
        <pc:chgData name="Dimitrios Markou" userId="f3d15274-f365-49a7-8291-0b2d12aeecde" providerId="ADAL" clId="{91841F09-5CB1-44F4-92B1-ACB2DDBF3F10}" dt="2024-02-15T12:07:30.543" v="1450" actId="2696"/>
        <pc:sldMkLst>
          <pc:docMk/>
          <pc:sldMk cId="219157774" sldId="2145704883"/>
        </pc:sldMkLst>
      </pc:sldChg>
      <pc:sldChg chg="modNotesTx">
        <pc:chgData name="Dimitrios Markou" userId="f3d15274-f365-49a7-8291-0b2d12aeecde" providerId="ADAL" clId="{91841F09-5CB1-44F4-92B1-ACB2DDBF3F10}" dt="2024-02-16T12:58:17.490" v="1452" actId="5793"/>
        <pc:sldMkLst>
          <pc:docMk/>
          <pc:sldMk cId="1516139018" sldId="2147375708"/>
        </pc:sldMkLst>
      </pc:sldChg>
      <pc:sldChg chg="mod ord modShow modNotesTx">
        <pc:chgData name="Dimitrios Markou" userId="f3d15274-f365-49a7-8291-0b2d12aeecde" providerId="ADAL" clId="{91841F09-5CB1-44F4-92B1-ACB2DDBF3F10}" dt="2024-02-16T12:59:02.798" v="1458" actId="20577"/>
        <pc:sldMkLst>
          <pc:docMk/>
          <pc:sldMk cId="2265169015" sldId="2147375710"/>
        </pc:sldMkLst>
      </pc:sldChg>
      <pc:sldChg chg="del">
        <pc:chgData name="Dimitrios Markou" userId="f3d15274-f365-49a7-8291-0b2d12aeecde" providerId="ADAL" clId="{91841F09-5CB1-44F4-92B1-ACB2DDBF3F10}" dt="2024-02-15T12:07:30.543" v="1450" actId="2696"/>
        <pc:sldMkLst>
          <pc:docMk/>
          <pc:sldMk cId="966300875" sldId="2147375718"/>
        </pc:sldMkLst>
      </pc:sldChg>
      <pc:sldChg chg="del">
        <pc:chgData name="Dimitrios Markou" userId="f3d15274-f365-49a7-8291-0b2d12aeecde" providerId="ADAL" clId="{91841F09-5CB1-44F4-92B1-ACB2DDBF3F10}" dt="2024-02-15T12:07:12.541" v="1449" actId="2696"/>
        <pc:sldMkLst>
          <pc:docMk/>
          <pc:sldMk cId="3739816706" sldId="2147375735"/>
        </pc:sldMkLst>
      </pc:sldChg>
      <pc:sldChg chg="del">
        <pc:chgData name="Dimitrios Markou" userId="f3d15274-f365-49a7-8291-0b2d12aeecde" providerId="ADAL" clId="{91841F09-5CB1-44F4-92B1-ACB2DDBF3F10}" dt="2024-02-15T12:07:30.543" v="1450" actId="2696"/>
        <pc:sldMkLst>
          <pc:docMk/>
          <pc:sldMk cId="988218268" sldId="2147375773"/>
        </pc:sldMkLst>
      </pc:sldChg>
      <pc:sldChg chg="del">
        <pc:chgData name="Dimitrios Markou" userId="f3d15274-f365-49a7-8291-0b2d12aeecde" providerId="ADAL" clId="{91841F09-5CB1-44F4-92B1-ACB2DDBF3F10}" dt="2024-02-15T12:07:30.543" v="1450" actId="2696"/>
        <pc:sldMkLst>
          <pc:docMk/>
          <pc:sldMk cId="817523821" sldId="2147375780"/>
        </pc:sldMkLst>
      </pc:sldChg>
      <pc:sldChg chg="del">
        <pc:chgData name="Dimitrios Markou" userId="f3d15274-f365-49a7-8291-0b2d12aeecde" providerId="ADAL" clId="{91841F09-5CB1-44F4-92B1-ACB2DDBF3F10}" dt="2024-02-15T12:07:12.541" v="1449" actId="2696"/>
        <pc:sldMkLst>
          <pc:docMk/>
          <pc:sldMk cId="3262035270" sldId="2147375789"/>
        </pc:sldMkLst>
      </pc:sldChg>
      <pc:sldChg chg="mod ord modShow delCm modNotesTx">
        <pc:chgData name="Dimitrios Markou" userId="f3d15274-f365-49a7-8291-0b2d12aeecde" providerId="ADAL" clId="{91841F09-5CB1-44F4-92B1-ACB2DDBF3F10}" dt="2024-02-16T12:59:12.539" v="1459" actId="20577"/>
        <pc:sldMkLst>
          <pc:docMk/>
          <pc:sldMk cId="1527140223" sldId="2147375793"/>
        </pc:sldMkLst>
        <pc:extLst>
          <p:ext xmlns:p="http://schemas.openxmlformats.org/presentationml/2006/main" uri="{D6D511B9-2390-475A-947B-AFAB55BFBCF1}">
            <pc226:cmChg xmlns:pc226="http://schemas.microsoft.com/office/powerpoint/2022/06/main/command" chg="del">
              <pc226:chgData name="Dimitrios Markou" userId="f3d15274-f365-49a7-8291-0b2d12aeecde" providerId="ADAL" clId="{91841F09-5CB1-44F4-92B1-ACB2DDBF3F10}" dt="2024-02-08T10:43:25.856" v="2"/>
              <pc2:cmMkLst xmlns:pc2="http://schemas.microsoft.com/office/powerpoint/2019/9/main/command">
                <pc:docMk/>
                <pc:sldMk cId="1527140223" sldId="2147375793"/>
                <pc2:cmMk id="{F6A44314-AD07-4F7F-B5A4-5A7D3D62B7BF}"/>
              </pc2:cmMkLst>
            </pc226:cmChg>
            <pc226:cmChg xmlns:pc226="http://schemas.microsoft.com/office/powerpoint/2022/06/main/command" chg="del">
              <pc226:chgData name="Dimitrios Markou" userId="f3d15274-f365-49a7-8291-0b2d12aeecde" providerId="ADAL" clId="{91841F09-5CB1-44F4-92B1-ACB2DDBF3F10}" dt="2024-02-08T10:43:24.785" v="0"/>
              <pc2:cmMkLst xmlns:pc2="http://schemas.microsoft.com/office/powerpoint/2019/9/main/command">
                <pc:docMk/>
                <pc:sldMk cId="1527140223" sldId="2147375793"/>
                <pc2:cmMk id="{A4CAB08A-F792-411A-94C1-8654A9592030}"/>
              </pc2:cmMkLst>
            </pc226:cmChg>
            <pc226:cmChg xmlns:pc226="http://schemas.microsoft.com/office/powerpoint/2022/06/main/command" chg="del">
              <pc226:chgData name="Dimitrios Markou" userId="f3d15274-f365-49a7-8291-0b2d12aeecde" providerId="ADAL" clId="{91841F09-5CB1-44F4-92B1-ACB2DDBF3F10}" dt="2024-02-08T10:43:26.347" v="3"/>
              <pc2:cmMkLst xmlns:pc2="http://schemas.microsoft.com/office/powerpoint/2019/9/main/command">
                <pc:docMk/>
                <pc:sldMk cId="1527140223" sldId="2147375793"/>
                <pc2:cmMk id="{162047D6-1E8D-4E74-B404-EC6E681EC844}"/>
              </pc2:cmMkLst>
            </pc226:cmChg>
            <pc226:cmChg xmlns:pc226="http://schemas.microsoft.com/office/powerpoint/2022/06/main/command" chg="del">
              <pc226:chgData name="Dimitrios Markou" userId="f3d15274-f365-49a7-8291-0b2d12aeecde" providerId="ADAL" clId="{91841F09-5CB1-44F4-92B1-ACB2DDBF3F10}" dt="2024-02-08T10:43:27.310" v="5"/>
              <pc2:cmMkLst xmlns:pc2="http://schemas.microsoft.com/office/powerpoint/2019/9/main/command">
                <pc:docMk/>
                <pc:sldMk cId="1527140223" sldId="2147375793"/>
                <pc2:cmMk id="{C01962DD-B8B6-4F3A-BF26-300251E99699}"/>
              </pc2:cmMkLst>
            </pc226:cmChg>
            <pc226:cmChg xmlns:pc226="http://schemas.microsoft.com/office/powerpoint/2022/06/main/command" chg="del">
              <pc226:chgData name="Dimitrios Markou" userId="f3d15274-f365-49a7-8291-0b2d12aeecde" providerId="ADAL" clId="{91841F09-5CB1-44F4-92B1-ACB2DDBF3F10}" dt="2024-02-08T10:43:25.360" v="1"/>
              <pc2:cmMkLst xmlns:pc2="http://schemas.microsoft.com/office/powerpoint/2019/9/main/command">
                <pc:docMk/>
                <pc:sldMk cId="1527140223" sldId="2147375793"/>
                <pc2:cmMk id="{BD7519FC-868E-4E84-A7D2-BB7B8DDBB3E1}"/>
              </pc2:cmMkLst>
            </pc226:cmChg>
            <pc226:cmChg xmlns:pc226="http://schemas.microsoft.com/office/powerpoint/2022/06/main/command" chg="del">
              <pc226:chgData name="Dimitrios Markou" userId="f3d15274-f365-49a7-8291-0b2d12aeecde" providerId="ADAL" clId="{91841F09-5CB1-44F4-92B1-ACB2DDBF3F10}" dt="2024-02-08T10:43:26.850" v="4"/>
              <pc2:cmMkLst xmlns:pc2="http://schemas.microsoft.com/office/powerpoint/2019/9/main/command">
                <pc:docMk/>
                <pc:sldMk cId="1527140223" sldId="2147375793"/>
                <pc2:cmMk id="{226D2BFE-AD14-40EF-871F-766FA698889E}"/>
              </pc2:cmMkLst>
            </pc226:cmChg>
          </p:ext>
        </pc:extLst>
      </pc:sldChg>
      <pc:sldChg chg="del">
        <pc:chgData name="Dimitrios Markou" userId="f3d15274-f365-49a7-8291-0b2d12aeecde" providerId="ADAL" clId="{91841F09-5CB1-44F4-92B1-ACB2DDBF3F10}" dt="2024-02-15T12:07:30.543" v="1450" actId="2696"/>
        <pc:sldMkLst>
          <pc:docMk/>
          <pc:sldMk cId="1245359931" sldId="2147469481"/>
        </pc:sldMkLst>
      </pc:sldChg>
      <pc:sldChg chg="del">
        <pc:chgData name="Dimitrios Markou" userId="f3d15274-f365-49a7-8291-0b2d12aeecde" providerId="ADAL" clId="{91841F09-5CB1-44F4-92B1-ACB2DDBF3F10}" dt="2024-02-15T12:07:30.543" v="1450" actId="2696"/>
        <pc:sldMkLst>
          <pc:docMk/>
          <pc:sldMk cId="2560409470" sldId="2147469485"/>
        </pc:sldMkLst>
      </pc:sldChg>
      <pc:sldChg chg="del">
        <pc:chgData name="Dimitrios Markou" userId="f3d15274-f365-49a7-8291-0b2d12aeecde" providerId="ADAL" clId="{91841F09-5CB1-44F4-92B1-ACB2DDBF3F10}" dt="2024-02-15T12:07:12.541" v="1449" actId="2696"/>
        <pc:sldMkLst>
          <pc:docMk/>
          <pc:sldMk cId="3071953759" sldId="2147469487"/>
        </pc:sldMkLst>
      </pc:sldChg>
      <pc:sldChg chg="del">
        <pc:chgData name="Dimitrios Markou" userId="f3d15274-f365-49a7-8291-0b2d12aeecde" providerId="ADAL" clId="{91841F09-5CB1-44F4-92B1-ACB2DDBF3F10}" dt="2024-02-15T12:07:30.543" v="1450" actId="2696"/>
        <pc:sldMkLst>
          <pc:docMk/>
          <pc:sldMk cId="983975274" sldId="2147469488"/>
        </pc:sldMkLst>
      </pc:sldChg>
      <pc:sldChg chg="del">
        <pc:chgData name="Dimitrios Markou" userId="f3d15274-f365-49a7-8291-0b2d12aeecde" providerId="ADAL" clId="{91841F09-5CB1-44F4-92B1-ACB2DDBF3F10}" dt="2024-02-15T12:06:58.454" v="1448" actId="2696"/>
        <pc:sldMkLst>
          <pc:docMk/>
          <pc:sldMk cId="683261306" sldId="2147469490"/>
        </pc:sldMkLst>
      </pc:sldChg>
      <pc:sldChg chg="del">
        <pc:chgData name="Dimitrios Markou" userId="f3d15274-f365-49a7-8291-0b2d12aeecde" providerId="ADAL" clId="{91841F09-5CB1-44F4-92B1-ACB2DDBF3F10}" dt="2024-02-15T12:07:12.541" v="1449" actId="2696"/>
        <pc:sldMkLst>
          <pc:docMk/>
          <pc:sldMk cId="4042933217" sldId="2147469491"/>
        </pc:sldMkLst>
      </pc:sldChg>
      <pc:sldChg chg="del">
        <pc:chgData name="Dimitrios Markou" userId="f3d15274-f365-49a7-8291-0b2d12aeecde" providerId="ADAL" clId="{91841F09-5CB1-44F4-92B1-ACB2DDBF3F10}" dt="2024-02-15T12:07:30.543" v="1450" actId="2696"/>
        <pc:sldMkLst>
          <pc:docMk/>
          <pc:sldMk cId="1795972998" sldId="2147469492"/>
        </pc:sldMkLst>
      </pc:sldChg>
      <pc:sldChg chg="del">
        <pc:chgData name="Dimitrios Markou" userId="f3d15274-f365-49a7-8291-0b2d12aeecde" providerId="ADAL" clId="{91841F09-5CB1-44F4-92B1-ACB2DDBF3F10}" dt="2024-02-15T12:07:12.541" v="1449" actId="2696"/>
        <pc:sldMkLst>
          <pc:docMk/>
          <pc:sldMk cId="3870151980" sldId="2147469493"/>
        </pc:sldMkLst>
      </pc:sldChg>
      <pc:sldChg chg="del">
        <pc:chgData name="Dimitrios Markou" userId="f3d15274-f365-49a7-8291-0b2d12aeecde" providerId="ADAL" clId="{91841F09-5CB1-44F4-92B1-ACB2DDBF3F10}" dt="2024-02-15T12:07:12.541" v="1449" actId="2696"/>
        <pc:sldMkLst>
          <pc:docMk/>
          <pc:sldMk cId="841192851" sldId="2147469494"/>
        </pc:sldMkLst>
      </pc:sldChg>
      <pc:sldChg chg="del">
        <pc:chgData name="Dimitrios Markou" userId="f3d15274-f365-49a7-8291-0b2d12aeecde" providerId="ADAL" clId="{91841F09-5CB1-44F4-92B1-ACB2DDBF3F10}" dt="2024-02-15T12:07:12.541" v="1449" actId="2696"/>
        <pc:sldMkLst>
          <pc:docMk/>
          <pc:sldMk cId="322511853" sldId="2147469495"/>
        </pc:sldMkLst>
      </pc:sldChg>
      <pc:sldChg chg="del">
        <pc:chgData name="Dimitrios Markou" userId="f3d15274-f365-49a7-8291-0b2d12aeecde" providerId="ADAL" clId="{91841F09-5CB1-44F4-92B1-ACB2DDBF3F10}" dt="2024-02-15T12:07:12.541" v="1449" actId="2696"/>
        <pc:sldMkLst>
          <pc:docMk/>
          <pc:sldMk cId="3767371718" sldId="2147469496"/>
        </pc:sldMkLst>
      </pc:sldChg>
      <pc:sldChg chg="del">
        <pc:chgData name="Dimitrios Markou" userId="f3d15274-f365-49a7-8291-0b2d12aeecde" providerId="ADAL" clId="{91841F09-5CB1-44F4-92B1-ACB2DDBF3F10}" dt="2024-02-15T12:06:53.707" v="1447" actId="2696"/>
        <pc:sldMkLst>
          <pc:docMk/>
          <pc:sldMk cId="3199325313" sldId="2147469497"/>
        </pc:sldMkLst>
      </pc:sldChg>
      <pc:sldChg chg="delCm modNotesTx">
        <pc:chgData name="Dimitrios Markou" userId="f3d15274-f365-49a7-8291-0b2d12aeecde" providerId="ADAL" clId="{91841F09-5CB1-44F4-92B1-ACB2DDBF3F10}" dt="2024-02-16T12:59:24.878" v="1461"/>
        <pc:sldMkLst>
          <pc:docMk/>
          <pc:sldMk cId="1743331878" sldId="2147469498"/>
        </pc:sldMkLst>
        <pc:extLst>
          <p:ext xmlns:p="http://schemas.openxmlformats.org/presentationml/2006/main" uri="{D6D511B9-2390-475A-947B-AFAB55BFBCF1}">
            <pc226:cmChg xmlns:pc226="http://schemas.microsoft.com/office/powerpoint/2022/06/main/command" chg="del">
              <pc226:chgData name="Dimitrios Markou" userId="f3d15274-f365-49a7-8291-0b2d12aeecde" providerId="ADAL" clId="{91841F09-5CB1-44F4-92B1-ACB2DDBF3F10}" dt="2024-02-16T12:59:24.878" v="1461"/>
              <pc2:cmMkLst xmlns:pc2="http://schemas.microsoft.com/office/powerpoint/2019/9/main/command">
                <pc:docMk/>
                <pc:sldMk cId="1743331878" sldId="2147469498"/>
                <pc2:cmMk id="{CF6885ED-E57B-4DB1-971B-93932013A748}"/>
              </pc2:cmMkLst>
            </pc226:cmChg>
          </p:ext>
        </pc:extLst>
      </pc:sldChg>
      <pc:sldChg chg="modSp mod delCm modCm modNotesTx">
        <pc:chgData name="Dimitrios Markou" userId="f3d15274-f365-49a7-8291-0b2d12aeecde" providerId="ADAL" clId="{91841F09-5CB1-44F4-92B1-ACB2DDBF3F10}" dt="2024-02-16T12:58:35.685" v="1455" actId="5793"/>
        <pc:sldMkLst>
          <pc:docMk/>
          <pc:sldMk cId="2654244668" sldId="2147469499"/>
        </pc:sldMkLst>
        <pc:spChg chg="mod">
          <ac:chgData name="Dimitrios Markou" userId="f3d15274-f365-49a7-8291-0b2d12aeecde" providerId="ADAL" clId="{91841F09-5CB1-44F4-92B1-ACB2DDBF3F10}" dt="2024-02-09T08:52:55.916" v="78" actId="404"/>
          <ac:spMkLst>
            <pc:docMk/>
            <pc:sldMk cId="2654244668" sldId="2147469499"/>
            <ac:spMk id="21" creationId="{01E63584-8874-42B0-97F3-05023DE0F6E0}"/>
          </ac:spMkLst>
        </pc:spChg>
        <pc:extLst>
          <p:ext xmlns:p="http://schemas.openxmlformats.org/presentationml/2006/main" uri="{D6D511B9-2390-475A-947B-AFAB55BFBCF1}">
            <pc226:cmChg xmlns:pc226="http://schemas.microsoft.com/office/powerpoint/2022/06/main/command" chg="del mod">
              <pc226:chgData name="Dimitrios Markou" userId="f3d15274-f365-49a7-8291-0b2d12aeecde" providerId="ADAL" clId="{91841F09-5CB1-44F4-92B1-ACB2DDBF3F10}" dt="2024-02-15T11:43:20.703" v="1446"/>
              <pc2:cmMkLst xmlns:pc2="http://schemas.microsoft.com/office/powerpoint/2019/9/main/command">
                <pc:docMk/>
                <pc:sldMk cId="2654244668" sldId="2147469499"/>
                <pc2:cmMk id="{975739D1-6764-4287-A0E4-9A3828662160}"/>
              </pc2:cmMkLst>
              <pc226:cmRplyChg chg="add">
                <pc226:chgData name="Dimitrios Markou" userId="f3d15274-f365-49a7-8291-0b2d12aeecde" providerId="ADAL" clId="{91841F09-5CB1-44F4-92B1-ACB2DDBF3F10}" dt="2024-02-09T08:53:06.285" v="79"/>
                <pc2:cmRplyMkLst xmlns:pc2="http://schemas.microsoft.com/office/powerpoint/2019/9/main/command">
                  <pc:docMk/>
                  <pc:sldMk cId="2654244668" sldId="2147469499"/>
                  <pc2:cmMk id="{975739D1-6764-4287-A0E4-9A3828662160}"/>
                  <pc2:cmRplyMk id="{7DE900E1-403D-4974-9061-2F632483FBA6}"/>
                </pc2:cmRplyMkLst>
              </pc226:cmRplyChg>
            </pc226:cmChg>
          </p:ext>
        </pc:extLst>
      </pc:sldChg>
      <pc:sldChg chg="modSp mod">
        <pc:chgData name="Dimitrios Markou" userId="f3d15274-f365-49a7-8291-0b2d12aeecde" providerId="ADAL" clId="{91841F09-5CB1-44F4-92B1-ACB2DDBF3F10}" dt="2024-02-09T15:57:04.911" v="739" actId="27636"/>
        <pc:sldMkLst>
          <pc:docMk/>
          <pc:sldMk cId="1790609588" sldId="2147469500"/>
        </pc:sldMkLst>
        <pc:spChg chg="mod">
          <ac:chgData name="Dimitrios Markou" userId="f3d15274-f365-49a7-8291-0b2d12aeecde" providerId="ADAL" clId="{91841F09-5CB1-44F4-92B1-ACB2DDBF3F10}" dt="2024-02-09T15:57:04.911" v="739" actId="27636"/>
          <ac:spMkLst>
            <pc:docMk/>
            <pc:sldMk cId="1790609588" sldId="2147469500"/>
            <ac:spMk id="2" creationId="{C9E42817-A28D-4A27-A3CF-10DC610DEF3C}"/>
          </ac:spMkLst>
        </pc:spChg>
      </pc:sldChg>
      <pc:sldChg chg="modSp mod">
        <pc:chgData name="Dimitrios Markou" userId="f3d15274-f365-49a7-8291-0b2d12aeecde" providerId="ADAL" clId="{91841F09-5CB1-44F4-92B1-ACB2DDBF3F10}" dt="2024-02-09T09:33:53.304" v="242" actId="20577"/>
        <pc:sldMkLst>
          <pc:docMk/>
          <pc:sldMk cId="2760050378" sldId="2147469505"/>
        </pc:sldMkLst>
        <pc:spChg chg="mod">
          <ac:chgData name="Dimitrios Markou" userId="f3d15274-f365-49a7-8291-0b2d12aeecde" providerId="ADAL" clId="{91841F09-5CB1-44F4-92B1-ACB2DDBF3F10}" dt="2024-02-09T09:33:42.891" v="225" actId="20577"/>
          <ac:spMkLst>
            <pc:docMk/>
            <pc:sldMk cId="2760050378" sldId="2147469505"/>
            <ac:spMk id="13" creationId="{DB9B8E10-F934-4256-AA61-D8D8D02B90CF}"/>
          </ac:spMkLst>
        </pc:spChg>
        <pc:spChg chg="mod">
          <ac:chgData name="Dimitrios Markou" userId="f3d15274-f365-49a7-8291-0b2d12aeecde" providerId="ADAL" clId="{91841F09-5CB1-44F4-92B1-ACB2DDBF3F10}" dt="2024-02-09T09:33:53.304" v="242" actId="20577"/>
          <ac:spMkLst>
            <pc:docMk/>
            <pc:sldMk cId="2760050378" sldId="2147469505"/>
            <ac:spMk id="14" creationId="{7CFAAF31-0B5C-4550-B8B7-DB592894E8B2}"/>
          </ac:spMkLst>
        </pc:spChg>
      </pc:sldChg>
      <pc:sldChg chg="addSp delSp modSp mod modClrScheme chgLayout">
        <pc:chgData name="Dimitrios Markou" userId="f3d15274-f365-49a7-8291-0b2d12aeecde" providerId="ADAL" clId="{91841F09-5CB1-44F4-92B1-ACB2DDBF3F10}" dt="2024-02-12T15:02:08.303" v="1445" actId="20577"/>
        <pc:sldMkLst>
          <pc:docMk/>
          <pc:sldMk cId="1917477598" sldId="2147469506"/>
        </pc:sldMkLst>
        <pc:spChg chg="mod ord">
          <ac:chgData name="Dimitrios Markou" userId="f3d15274-f365-49a7-8291-0b2d12aeecde" providerId="ADAL" clId="{91841F09-5CB1-44F4-92B1-ACB2DDBF3F10}" dt="2024-02-08T11:48:08.956" v="8" actId="700"/>
          <ac:spMkLst>
            <pc:docMk/>
            <pc:sldMk cId="1917477598" sldId="2147469506"/>
            <ac:spMk id="2" creationId="{C9E42817-A28D-4A27-A3CF-10DC610DEF3C}"/>
          </ac:spMkLst>
        </pc:spChg>
        <pc:spChg chg="add del mod ord">
          <ac:chgData name="Dimitrios Markou" userId="f3d15274-f365-49a7-8291-0b2d12aeecde" providerId="ADAL" clId="{91841F09-5CB1-44F4-92B1-ACB2DDBF3F10}" dt="2024-02-08T11:48:08.956" v="8" actId="700"/>
          <ac:spMkLst>
            <pc:docMk/>
            <pc:sldMk cId="1917477598" sldId="2147469506"/>
            <ac:spMk id="3" creationId="{0D5DACCF-481E-1452-67AE-866AF318F09E}"/>
          </ac:spMkLst>
        </pc:spChg>
        <pc:spChg chg="mod ord">
          <ac:chgData name="Dimitrios Markou" userId="f3d15274-f365-49a7-8291-0b2d12aeecde" providerId="ADAL" clId="{91841F09-5CB1-44F4-92B1-ACB2DDBF3F10}" dt="2024-02-12T15:02:08.303" v="1445" actId="20577"/>
          <ac:spMkLst>
            <pc:docMk/>
            <pc:sldMk cId="1917477598" sldId="2147469506"/>
            <ac:spMk id="8" creationId="{3F904F08-28DD-0629-C580-D141145567B6}"/>
          </ac:spMkLst>
        </pc:spChg>
      </pc:sldChg>
      <pc:sldChg chg="modSp new mod">
        <pc:chgData name="Dimitrios Markou" userId="f3d15274-f365-49a7-8291-0b2d12aeecde" providerId="ADAL" clId="{91841F09-5CB1-44F4-92B1-ACB2DDBF3F10}" dt="2024-02-08T11:48:52.780" v="64" actId="20577"/>
        <pc:sldMkLst>
          <pc:docMk/>
          <pc:sldMk cId="3917764336" sldId="2147469507"/>
        </pc:sldMkLst>
        <pc:spChg chg="mod">
          <ac:chgData name="Dimitrios Markou" userId="f3d15274-f365-49a7-8291-0b2d12aeecde" providerId="ADAL" clId="{91841F09-5CB1-44F4-92B1-ACB2DDBF3F10}" dt="2024-02-08T11:48:18.887" v="19" actId="20577"/>
          <ac:spMkLst>
            <pc:docMk/>
            <pc:sldMk cId="3917764336" sldId="2147469507"/>
            <ac:spMk id="2" creationId="{CCA61087-69E2-B46F-4F76-475301E1B252}"/>
          </ac:spMkLst>
        </pc:spChg>
        <pc:spChg chg="mod">
          <ac:chgData name="Dimitrios Markou" userId="f3d15274-f365-49a7-8291-0b2d12aeecde" providerId="ADAL" clId="{91841F09-5CB1-44F4-92B1-ACB2DDBF3F10}" dt="2024-02-08T11:48:52.780" v="64" actId="20577"/>
          <ac:spMkLst>
            <pc:docMk/>
            <pc:sldMk cId="3917764336" sldId="2147469507"/>
            <ac:spMk id="3" creationId="{D1AC8C6B-CD2F-9BC4-ECFA-90EB578DFFA0}"/>
          </ac:spMkLst>
        </pc:spChg>
      </pc:sldChg>
      <pc:sldChg chg="addSp modSp new mod modClrScheme chgLayout">
        <pc:chgData name="Dimitrios Markou" userId="f3d15274-f365-49a7-8291-0b2d12aeecde" providerId="ADAL" clId="{91841F09-5CB1-44F4-92B1-ACB2DDBF3F10}" dt="2024-02-09T15:56:33.179" v="731" actId="2710"/>
        <pc:sldMkLst>
          <pc:docMk/>
          <pc:sldMk cId="3654760275" sldId="2147469508"/>
        </pc:sldMkLst>
        <pc:spChg chg="add mod">
          <ac:chgData name="Dimitrios Markou" userId="f3d15274-f365-49a7-8291-0b2d12aeecde" providerId="ADAL" clId="{91841F09-5CB1-44F4-92B1-ACB2DDBF3F10}" dt="2024-02-09T09:13:39.808" v="89" actId="20577"/>
          <ac:spMkLst>
            <pc:docMk/>
            <pc:sldMk cId="3654760275" sldId="2147469508"/>
            <ac:spMk id="2" creationId="{63DDE80F-D763-7A2D-65DC-93F2EC898A6E}"/>
          </ac:spMkLst>
        </pc:spChg>
        <pc:spChg chg="add mod">
          <ac:chgData name="Dimitrios Markou" userId="f3d15274-f365-49a7-8291-0b2d12aeecde" providerId="ADAL" clId="{91841F09-5CB1-44F4-92B1-ACB2DDBF3F10}" dt="2024-02-09T15:56:33.179" v="731" actId="2710"/>
          <ac:spMkLst>
            <pc:docMk/>
            <pc:sldMk cId="3654760275" sldId="2147469508"/>
            <ac:spMk id="3" creationId="{8A224AA4-5480-7F79-7C43-FD77CE13F824}"/>
          </ac:spMkLst>
        </pc:spChg>
      </pc:sldChg>
      <pc:sldMasterChg chg="delSldLayout">
        <pc:chgData name="Dimitrios Markou" userId="f3d15274-f365-49a7-8291-0b2d12aeecde" providerId="ADAL" clId="{91841F09-5CB1-44F4-92B1-ACB2DDBF3F10}" dt="2024-02-15T12:07:30.543" v="1450" actId="2696"/>
        <pc:sldMasterMkLst>
          <pc:docMk/>
          <pc:sldMasterMk cId="0" sldId="2147483666"/>
        </pc:sldMasterMkLst>
        <pc:sldLayoutChg chg="del">
          <pc:chgData name="Dimitrios Markou" userId="f3d15274-f365-49a7-8291-0b2d12aeecde" providerId="ADAL" clId="{91841F09-5CB1-44F4-92B1-ACB2DDBF3F10}" dt="2024-02-15T12:07:30.543" v="1450" actId="2696"/>
          <pc:sldLayoutMkLst>
            <pc:docMk/>
            <pc:sldMasterMk cId="0" sldId="2147483666"/>
            <pc:sldLayoutMk cId="0" sldId="2147483669"/>
          </pc:sldLayoutMkLst>
        </pc:sldLayoutChg>
        <pc:sldLayoutChg chg="del">
          <pc:chgData name="Dimitrios Markou" userId="f3d15274-f365-49a7-8291-0b2d12aeecde" providerId="ADAL" clId="{91841F09-5CB1-44F4-92B1-ACB2DDBF3F10}" dt="2024-02-15T12:07:30.543" v="1450" actId="2696"/>
          <pc:sldLayoutMkLst>
            <pc:docMk/>
            <pc:sldMasterMk cId="0" sldId="2147483666"/>
            <pc:sldLayoutMk cId="667388524" sldId="2147483681"/>
          </pc:sldLayoutMkLst>
        </pc:sldLayoutChg>
      </pc:sldMasterChg>
    </pc:docChg>
  </pc:docChgLst>
  <pc:docChgLst>
    <pc:chgData name="Dimitrios Markou" userId="S::dimitrios.markou_ericsson.com#ext#@intel.onmicrosoft.com::fd2b1209-3582-44e3-99a0-87b0e5b9367d" providerId="AD" clId="Web-{2B23E473-5D35-2D39-5F6C-5EF50B921EED}"/>
    <pc:docChg chg="modSld">
      <pc:chgData name="Dimitrios Markou" userId="S::dimitrios.markou_ericsson.com#ext#@intel.onmicrosoft.com::fd2b1209-3582-44e3-99a0-87b0e5b9367d" providerId="AD" clId="Web-{2B23E473-5D35-2D39-5F6C-5EF50B921EED}" dt="2023-04-26T15:46:59.575" v="57" actId="20577"/>
      <pc:docMkLst>
        <pc:docMk/>
      </pc:docMkLst>
      <pc:sldChg chg="addSp modSp">
        <pc:chgData name="Dimitrios Markou" userId="S::dimitrios.markou_ericsson.com#ext#@intel.onmicrosoft.com::fd2b1209-3582-44e3-99a0-87b0e5b9367d" providerId="AD" clId="Web-{2B23E473-5D35-2D39-5F6C-5EF50B921EED}" dt="2023-04-26T15:46:59.575" v="57" actId="20577"/>
        <pc:sldMkLst>
          <pc:docMk/>
          <pc:sldMk cId="3870151980" sldId="2147469493"/>
        </pc:sldMkLst>
        <pc:spChg chg="mod">
          <ac:chgData name="Dimitrios Markou" userId="S::dimitrios.markou_ericsson.com#ext#@intel.onmicrosoft.com::fd2b1209-3582-44e3-99a0-87b0e5b9367d" providerId="AD" clId="Web-{2B23E473-5D35-2D39-5F6C-5EF50B921EED}" dt="2023-04-26T15:19:55.369" v="28" actId="1076"/>
          <ac:spMkLst>
            <pc:docMk/>
            <pc:sldMk cId="3870151980" sldId="2147469493"/>
            <ac:spMk id="5" creationId="{017032F0-0072-C683-B2E7-CE5335C7DB44}"/>
          </ac:spMkLst>
        </pc:spChg>
        <pc:spChg chg="add mod">
          <ac:chgData name="Dimitrios Markou" userId="S::dimitrios.markou_ericsson.com#ext#@intel.onmicrosoft.com::fd2b1209-3582-44e3-99a0-87b0e5b9367d" providerId="AD" clId="Web-{2B23E473-5D35-2D39-5F6C-5EF50B921EED}" dt="2023-04-26T15:18:30.383" v="15" actId="1076"/>
          <ac:spMkLst>
            <pc:docMk/>
            <pc:sldMk cId="3870151980" sldId="2147469493"/>
            <ac:spMk id="6" creationId="{78E0F312-57C3-7AD3-77D7-FE90F2463122}"/>
          </ac:spMkLst>
        </pc:spChg>
        <pc:spChg chg="add mod">
          <ac:chgData name="Dimitrios Markou" userId="S::dimitrios.markou_ericsson.com#ext#@intel.onmicrosoft.com::fd2b1209-3582-44e3-99a0-87b0e5b9367d" providerId="AD" clId="Web-{2B23E473-5D35-2D39-5F6C-5EF50B921EED}" dt="2023-04-26T15:19:46.541" v="26" actId="14100"/>
          <ac:spMkLst>
            <pc:docMk/>
            <pc:sldMk cId="3870151980" sldId="2147469493"/>
            <ac:spMk id="28" creationId="{5C343B61-A64F-8263-81D6-D132614EF56F}"/>
          </ac:spMkLst>
        </pc:spChg>
        <pc:spChg chg="mod">
          <ac:chgData name="Dimitrios Markou" userId="S::dimitrios.markou_ericsson.com#ext#@intel.onmicrosoft.com::fd2b1209-3582-44e3-99a0-87b0e5b9367d" providerId="AD" clId="Web-{2B23E473-5D35-2D39-5F6C-5EF50B921EED}" dt="2023-04-26T15:18:27.648" v="14" actId="1076"/>
          <ac:spMkLst>
            <pc:docMk/>
            <pc:sldMk cId="3870151980" sldId="2147469493"/>
            <ac:spMk id="29" creationId="{75B54EE8-23D7-ADCD-241C-B08BD731F3F5}"/>
          </ac:spMkLst>
        </pc:spChg>
        <pc:spChg chg="mod">
          <ac:chgData name="Dimitrios Markou" userId="S::dimitrios.markou_ericsson.com#ext#@intel.onmicrosoft.com::fd2b1209-3582-44e3-99a0-87b0e5b9367d" providerId="AD" clId="Web-{2B23E473-5D35-2D39-5F6C-5EF50B921EED}" dt="2023-04-26T15:19:50.369" v="27" actId="1076"/>
          <ac:spMkLst>
            <pc:docMk/>
            <pc:sldMk cId="3870151980" sldId="2147469493"/>
            <ac:spMk id="36" creationId="{B500B307-3B96-5405-8FA5-D98CD6C42866}"/>
          </ac:spMkLst>
        </pc:spChg>
        <pc:spChg chg="add mod">
          <ac:chgData name="Dimitrios Markou" userId="S::dimitrios.markou_ericsson.com#ext#@intel.onmicrosoft.com::fd2b1209-3582-44e3-99a0-87b0e5b9367d" providerId="AD" clId="Web-{2B23E473-5D35-2D39-5F6C-5EF50B921EED}" dt="2023-04-26T15:21:07.074" v="49" actId="20577"/>
          <ac:spMkLst>
            <pc:docMk/>
            <pc:sldMk cId="3870151980" sldId="2147469493"/>
            <ac:spMk id="40" creationId="{517E8EBB-AA6A-28D8-761A-7E3563297329}"/>
          </ac:spMkLst>
        </pc:spChg>
        <pc:spChg chg="mod">
          <ac:chgData name="Dimitrios Markou" userId="S::dimitrios.markou_ericsson.com#ext#@intel.onmicrosoft.com::fd2b1209-3582-44e3-99a0-87b0e5b9367d" providerId="AD" clId="Web-{2B23E473-5D35-2D39-5F6C-5EF50B921EED}" dt="2023-04-26T15:46:59.575" v="57" actId="20577"/>
          <ac:spMkLst>
            <pc:docMk/>
            <pc:sldMk cId="3870151980" sldId="2147469493"/>
            <ac:spMk id="343" creationId="{58D1B885-28AA-4298-8A00-A4F98264C0F7}"/>
          </ac:spMkLst>
        </pc:spChg>
        <pc:cxnChg chg="add mod">
          <ac:chgData name="Dimitrios Markou" userId="S::dimitrios.markou_ericsson.com#ext#@intel.onmicrosoft.com::fd2b1209-3582-44e3-99a0-87b0e5b9367d" providerId="AD" clId="Web-{2B23E473-5D35-2D39-5F6C-5EF50B921EED}" dt="2023-04-26T15:18:44.602" v="20" actId="14100"/>
          <ac:cxnSpMkLst>
            <pc:docMk/>
            <pc:sldMk cId="3870151980" sldId="2147469493"/>
            <ac:cxnSpMk id="14" creationId="{A966943D-65BC-1ADA-F58A-7A96D4C95D24}"/>
          </ac:cxnSpMkLst>
        </pc:cxnChg>
        <pc:cxnChg chg="mod">
          <ac:chgData name="Dimitrios Markou" userId="S::dimitrios.markou_ericsson.com#ext#@intel.onmicrosoft.com::fd2b1209-3582-44e3-99a0-87b0e5b9367d" providerId="AD" clId="Web-{2B23E473-5D35-2D39-5F6C-5EF50B921EED}" dt="2023-04-26T15:18:35.774" v="16" actId="14100"/>
          <ac:cxnSpMkLst>
            <pc:docMk/>
            <pc:sldMk cId="3870151980" sldId="2147469493"/>
            <ac:cxnSpMk id="20" creationId="{1C4D978A-A98A-B6C9-B856-96BB5B990B95}"/>
          </ac:cxnSpMkLst>
        </pc:cxnChg>
        <pc:cxnChg chg="mod">
          <ac:chgData name="Dimitrios Markou" userId="S::dimitrios.markou_ericsson.com#ext#@intel.onmicrosoft.com::fd2b1209-3582-44e3-99a0-87b0e5b9367d" providerId="AD" clId="Web-{2B23E473-5D35-2D39-5F6C-5EF50B921EED}" dt="2023-04-26T15:18:23.789" v="13" actId="14100"/>
          <ac:cxnSpMkLst>
            <pc:docMk/>
            <pc:sldMk cId="3870151980" sldId="2147469493"/>
            <ac:cxnSpMk id="345" creationId="{CC0201F3-EC71-47A1-B696-4F7490FCF010}"/>
          </ac:cxnSpMkLst>
        </pc:cxnChg>
      </pc:sldChg>
    </pc:docChg>
  </pc:docChgLst>
  <pc:docChgLst>
    <pc:chgData name="Dimitrios Markou" userId="S::dimitrios.markou_ericsson.com#ext#@intel.onmicrosoft.com::fd2b1209-3582-44e3-99a0-87b0e5b9367d" providerId="AD" clId="Web-{1597CE6D-039F-EB7E-05C7-48F531820180}"/>
    <pc:docChg chg="modSld">
      <pc:chgData name="Dimitrios Markou" userId="S::dimitrios.markou_ericsson.com#ext#@intel.onmicrosoft.com::fd2b1209-3582-44e3-99a0-87b0e5b9367d" providerId="AD" clId="Web-{1597CE6D-039F-EB7E-05C7-48F531820180}" dt="2023-04-19T13:47:37.616" v="63" actId="20577"/>
      <pc:docMkLst>
        <pc:docMk/>
      </pc:docMkLst>
      <pc:sldChg chg="modSp">
        <pc:chgData name="Dimitrios Markou" userId="S::dimitrios.markou_ericsson.com#ext#@intel.onmicrosoft.com::fd2b1209-3582-44e3-99a0-87b0e5b9367d" providerId="AD" clId="Web-{1597CE6D-039F-EB7E-05C7-48F531820180}" dt="2023-04-19T13:47:37.616" v="63" actId="20577"/>
        <pc:sldMkLst>
          <pc:docMk/>
          <pc:sldMk cId="3071953759" sldId="2147469487"/>
        </pc:sldMkLst>
        <pc:spChg chg="mod">
          <ac:chgData name="Dimitrios Markou" userId="S::dimitrios.markou_ericsson.com#ext#@intel.onmicrosoft.com::fd2b1209-3582-44e3-99a0-87b0e5b9367d" providerId="AD" clId="Web-{1597CE6D-039F-EB7E-05C7-48F531820180}" dt="2023-04-19T13:47:07.834" v="60" actId="20577"/>
          <ac:spMkLst>
            <pc:docMk/>
            <pc:sldMk cId="3071953759" sldId="2147469487"/>
            <ac:spMk id="38" creationId="{E9939C64-B135-41E6-8E6A-56C1B1526C04}"/>
          </ac:spMkLst>
        </pc:spChg>
        <pc:spChg chg="mod">
          <ac:chgData name="Dimitrios Markou" userId="S::dimitrios.markou_ericsson.com#ext#@intel.onmicrosoft.com::fd2b1209-3582-44e3-99a0-87b0e5b9367d" providerId="AD" clId="Web-{1597CE6D-039F-EB7E-05C7-48F531820180}" dt="2023-04-19T13:47:37.616" v="63" actId="20577"/>
          <ac:spMkLst>
            <pc:docMk/>
            <pc:sldMk cId="3071953759" sldId="2147469487"/>
            <ac:spMk id="39" creationId="{8F4F2E9B-1D65-4D0B-8C78-5E105A0CD52B}"/>
          </ac:spMkLst>
        </pc:spChg>
      </pc:sldChg>
      <pc:sldChg chg="modSp">
        <pc:chgData name="Dimitrios Markou" userId="S::dimitrios.markou_ericsson.com#ext#@intel.onmicrosoft.com::fd2b1209-3582-44e3-99a0-87b0e5b9367d" providerId="AD" clId="Web-{1597CE6D-039F-EB7E-05C7-48F531820180}" dt="2023-04-19T12:54:32.222" v="57" actId="20577"/>
        <pc:sldMkLst>
          <pc:docMk/>
          <pc:sldMk cId="683261306" sldId="2147469490"/>
        </pc:sldMkLst>
        <pc:spChg chg="mod">
          <ac:chgData name="Dimitrios Markou" userId="S::dimitrios.markou_ericsson.com#ext#@intel.onmicrosoft.com::fd2b1209-3582-44e3-99a0-87b0e5b9367d" providerId="AD" clId="Web-{1597CE6D-039F-EB7E-05C7-48F531820180}" dt="2023-04-19T12:54:32.222" v="57" actId="20577"/>
          <ac:spMkLst>
            <pc:docMk/>
            <pc:sldMk cId="683261306" sldId="2147469490"/>
            <ac:spMk id="3" creationId="{9117D880-600B-C224-77D4-46B227FE0FCB}"/>
          </ac:spMkLst>
        </pc:spChg>
      </pc:sldChg>
    </pc:docChg>
  </pc:docChgLst>
  <pc:docChgLst>
    <pc:chgData name="Lynch, Michael A" userId="4dd4ab53-e3ab-4046-a09d-441ce65f15a1" providerId="ADAL" clId="{5423FF67-D201-440C-82AA-AA7FE2103701}"/>
    <pc:docChg chg="undo custSel addSld modSld">
      <pc:chgData name="Lynch, Michael A" userId="4dd4ab53-e3ab-4046-a09d-441ce65f15a1" providerId="ADAL" clId="{5423FF67-D201-440C-82AA-AA7FE2103701}" dt="2023-02-22T10:51:46.870" v="970" actId="1076"/>
      <pc:docMkLst>
        <pc:docMk/>
      </pc:docMkLst>
      <pc:sldChg chg="modSp mod">
        <pc:chgData name="Lynch, Michael A" userId="4dd4ab53-e3ab-4046-a09d-441ce65f15a1" providerId="ADAL" clId="{5423FF67-D201-440C-82AA-AA7FE2103701}" dt="2023-02-21T13:11:06.636" v="912" actId="20577"/>
        <pc:sldMkLst>
          <pc:docMk/>
          <pc:sldMk cId="0" sldId="256"/>
        </pc:sldMkLst>
        <pc:spChg chg="mod">
          <ac:chgData name="Lynch, Michael A" userId="4dd4ab53-e3ab-4046-a09d-441ce65f15a1" providerId="ADAL" clId="{5423FF67-D201-440C-82AA-AA7FE2103701}" dt="2023-02-21T13:11:06.636" v="912" actId="20577"/>
          <ac:spMkLst>
            <pc:docMk/>
            <pc:sldMk cId="0" sldId="256"/>
            <ac:spMk id="349" creationId="{00000000-0000-0000-0000-000000000000}"/>
          </ac:spMkLst>
        </pc:spChg>
      </pc:sldChg>
      <pc:sldChg chg="modSp mod modCm">
        <pc:chgData name="Lynch, Michael A" userId="4dd4ab53-e3ab-4046-a09d-441ce65f15a1" providerId="ADAL" clId="{5423FF67-D201-440C-82AA-AA7FE2103701}" dt="2023-02-22T10:51:46.870" v="970" actId="1076"/>
        <pc:sldMkLst>
          <pc:docMk/>
          <pc:sldMk cId="966300875" sldId="2147375718"/>
        </pc:sldMkLst>
        <pc:spChg chg="mod">
          <ac:chgData name="Lynch, Michael A" userId="4dd4ab53-e3ab-4046-a09d-441ce65f15a1" providerId="ADAL" clId="{5423FF67-D201-440C-82AA-AA7FE2103701}" dt="2023-02-21T08:58:25.286" v="880" actId="27636"/>
          <ac:spMkLst>
            <pc:docMk/>
            <pc:sldMk cId="966300875" sldId="2147375718"/>
            <ac:spMk id="2" creationId="{5F0AF32C-473E-40F1-BC1C-348833527C43}"/>
          </ac:spMkLst>
        </pc:spChg>
        <pc:spChg chg="mod">
          <ac:chgData name="Lynch, Michael A" userId="4dd4ab53-e3ab-4046-a09d-441ce65f15a1" providerId="ADAL" clId="{5423FF67-D201-440C-82AA-AA7FE2103701}" dt="2023-02-22T10:51:46.870" v="970" actId="1076"/>
          <ac:spMkLst>
            <pc:docMk/>
            <pc:sldMk cId="966300875" sldId="2147375718"/>
            <ac:spMk id="3" creationId="{B521614E-DF5D-4DDD-BE38-AB1005E14931}"/>
          </ac:spMkLst>
        </pc:spChg>
      </pc:sldChg>
      <pc:sldChg chg="delSp modSp mod modCm">
        <pc:chgData name="Lynch, Michael A" userId="4dd4ab53-e3ab-4046-a09d-441ce65f15a1" providerId="ADAL" clId="{5423FF67-D201-440C-82AA-AA7FE2103701}" dt="2023-02-21T13:13:40.557" v="918" actId="20577"/>
        <pc:sldMkLst>
          <pc:docMk/>
          <pc:sldMk cId="3262035270" sldId="2147375789"/>
        </pc:sldMkLst>
        <pc:spChg chg="mod">
          <ac:chgData name="Lynch, Michael A" userId="4dd4ab53-e3ab-4046-a09d-441ce65f15a1" providerId="ADAL" clId="{5423FF67-D201-440C-82AA-AA7FE2103701}" dt="2023-02-21T13:13:40.557" v="918" actId="20577"/>
          <ac:spMkLst>
            <pc:docMk/>
            <pc:sldMk cId="3262035270" sldId="2147375789"/>
            <ac:spMk id="3" creationId="{D25CF673-A18E-4342-86B7-320A29E92F50}"/>
          </ac:spMkLst>
        </pc:spChg>
        <pc:spChg chg="del mod">
          <ac:chgData name="Lynch, Michael A" userId="4dd4ab53-e3ab-4046-a09d-441ce65f15a1" providerId="ADAL" clId="{5423FF67-D201-440C-82AA-AA7FE2103701}" dt="2023-02-20T13:37:13.099" v="472" actId="478"/>
          <ac:spMkLst>
            <pc:docMk/>
            <pc:sldMk cId="3262035270" sldId="2147375789"/>
            <ac:spMk id="7" creationId="{9E01DB72-D7C4-464A-962E-E23398C97E3D}"/>
          </ac:spMkLst>
        </pc:spChg>
        <pc:spChg chg="mod">
          <ac:chgData name="Lynch, Michael A" userId="4dd4ab53-e3ab-4046-a09d-441ce65f15a1" providerId="ADAL" clId="{5423FF67-D201-440C-82AA-AA7FE2103701}" dt="2023-02-21T08:53:48.169" v="833" actId="20577"/>
          <ac:spMkLst>
            <pc:docMk/>
            <pc:sldMk cId="3262035270" sldId="2147375789"/>
            <ac:spMk id="9" creationId="{105C65A4-B52F-4449-9D87-31A9F8380DC2}"/>
          </ac:spMkLst>
        </pc:spChg>
      </pc:sldChg>
      <pc:sldChg chg="modSp mod addCm modCm">
        <pc:chgData name="Lynch, Michael A" userId="4dd4ab53-e3ab-4046-a09d-441ce65f15a1" providerId="ADAL" clId="{5423FF67-D201-440C-82AA-AA7FE2103701}" dt="2023-02-20T13:55:33.820" v="794"/>
        <pc:sldMkLst>
          <pc:docMk/>
          <pc:sldMk cId="1527140223" sldId="2147375793"/>
        </pc:sldMkLst>
        <pc:spChg chg="mod">
          <ac:chgData name="Lynch, Michael A" userId="4dd4ab53-e3ab-4046-a09d-441ce65f15a1" providerId="ADAL" clId="{5423FF67-D201-440C-82AA-AA7FE2103701}" dt="2023-02-20T13:49:59.433" v="785" actId="20577"/>
          <ac:spMkLst>
            <pc:docMk/>
            <pc:sldMk cId="1527140223" sldId="2147375793"/>
            <ac:spMk id="3" creationId="{4162DB2F-9943-76BD-FE2E-8AB04DFBAC06}"/>
          </ac:spMkLst>
        </pc:spChg>
        <pc:spChg chg="mod">
          <ac:chgData name="Lynch, Michael A" userId="4dd4ab53-e3ab-4046-a09d-441ce65f15a1" providerId="ADAL" clId="{5423FF67-D201-440C-82AA-AA7FE2103701}" dt="2023-02-20T13:52:02.824" v="791" actId="14100"/>
          <ac:spMkLst>
            <pc:docMk/>
            <pc:sldMk cId="1527140223" sldId="2147375793"/>
            <ac:spMk id="98" creationId="{7F5FE8E7-FD0C-4023-8B75-EC53AB89191A}"/>
          </ac:spMkLst>
        </pc:spChg>
      </pc:sldChg>
      <pc:sldChg chg="modSp mod">
        <pc:chgData name="Lynch, Michael A" userId="4dd4ab53-e3ab-4046-a09d-441ce65f15a1" providerId="ADAL" clId="{5423FF67-D201-440C-82AA-AA7FE2103701}" dt="2023-02-21T13:12:25.041" v="913" actId="20577"/>
        <pc:sldMkLst>
          <pc:docMk/>
          <pc:sldMk cId="3071953759" sldId="2147469487"/>
        </pc:sldMkLst>
        <pc:spChg chg="mod">
          <ac:chgData name="Lynch, Michael A" userId="4dd4ab53-e3ab-4046-a09d-441ce65f15a1" providerId="ADAL" clId="{5423FF67-D201-440C-82AA-AA7FE2103701}" dt="2023-02-21T13:12:25.041" v="913" actId="20577"/>
          <ac:spMkLst>
            <pc:docMk/>
            <pc:sldMk cId="3071953759" sldId="2147469487"/>
            <ac:spMk id="38" creationId="{E9939C64-B135-41E6-8E6A-56C1B1526C04}"/>
          </ac:spMkLst>
        </pc:spChg>
        <pc:spChg chg="mod">
          <ac:chgData name="Lynch, Michael A" userId="4dd4ab53-e3ab-4046-a09d-441ce65f15a1" providerId="ADAL" clId="{5423FF67-D201-440C-82AA-AA7FE2103701}" dt="2023-02-20T13:57:22.498" v="815" actId="313"/>
          <ac:spMkLst>
            <pc:docMk/>
            <pc:sldMk cId="3071953759" sldId="2147469487"/>
            <ac:spMk id="72" creationId="{D0432547-1A0B-4678-896F-FD1821C7B8DE}"/>
          </ac:spMkLst>
        </pc:spChg>
      </pc:sldChg>
      <pc:sldChg chg="addSp delSp modSp new mod">
        <pc:chgData name="Lynch, Michael A" userId="4dd4ab53-e3ab-4046-a09d-441ce65f15a1" providerId="ADAL" clId="{5423FF67-D201-440C-82AA-AA7FE2103701}" dt="2023-02-22T10:51:36.463" v="967" actId="20577"/>
        <pc:sldMkLst>
          <pc:docMk/>
          <pc:sldMk cId="983975274" sldId="2147469488"/>
        </pc:sldMkLst>
        <pc:spChg chg="mod">
          <ac:chgData name="Lynch, Michael A" userId="4dd4ab53-e3ab-4046-a09d-441ce65f15a1" providerId="ADAL" clId="{5423FF67-D201-440C-82AA-AA7FE2103701}" dt="2023-02-22T10:51:04.561" v="964" actId="1076"/>
          <ac:spMkLst>
            <pc:docMk/>
            <pc:sldMk cId="983975274" sldId="2147469488"/>
            <ac:spMk id="2" creationId="{39E095BD-3251-9BED-92D6-2927C81D3A4D}"/>
          </ac:spMkLst>
        </pc:spChg>
        <pc:spChg chg="del">
          <ac:chgData name="Lynch, Michael A" userId="4dd4ab53-e3ab-4046-a09d-441ce65f15a1" providerId="ADAL" clId="{5423FF67-D201-440C-82AA-AA7FE2103701}" dt="2023-02-22T10:49:31.949" v="949" actId="478"/>
          <ac:spMkLst>
            <pc:docMk/>
            <pc:sldMk cId="983975274" sldId="2147469488"/>
            <ac:spMk id="3" creationId="{88E43019-933D-4E42-8645-0C97D338EAC4}"/>
          </ac:spMkLst>
        </pc:spChg>
        <pc:spChg chg="add mod">
          <ac:chgData name="Lynch, Michael A" userId="4dd4ab53-e3ab-4046-a09d-441ce65f15a1" providerId="ADAL" clId="{5423FF67-D201-440C-82AA-AA7FE2103701}" dt="2023-02-22T10:51:36.463" v="967" actId="20577"/>
          <ac:spMkLst>
            <pc:docMk/>
            <pc:sldMk cId="983975274" sldId="2147469488"/>
            <ac:spMk id="4" creationId="{96DCCECA-8F92-1CB1-1D46-190D4960AD72}"/>
          </ac:spMkLst>
        </pc:spChg>
        <pc:picChg chg="add mod">
          <ac:chgData name="Lynch, Michael A" userId="4dd4ab53-e3ab-4046-a09d-441ce65f15a1" providerId="ADAL" clId="{5423FF67-D201-440C-82AA-AA7FE2103701}" dt="2023-02-22T10:51:23.363" v="966" actId="1076"/>
          <ac:picMkLst>
            <pc:docMk/>
            <pc:sldMk cId="983975274" sldId="2147469488"/>
            <ac:picMk id="6" creationId="{00508D13-B654-1F1F-D34E-0E16CE8119E7}"/>
          </ac:picMkLst>
        </pc:picChg>
      </pc:sldChg>
    </pc:docChg>
  </pc:docChgLst>
  <pc:docChgLst>
    <pc:chgData name="Griffin, John" userId="bdb63092-507d-4fe1-bbef-63b7df779301" providerId="ADAL" clId="{DDD17A88-ECBF-4D7C-9029-B06FC5CD5158}"/>
    <pc:docChg chg="undo redo custSel addSld delSld modSld sldOrd modMainMaster">
      <pc:chgData name="Griffin, John" userId="bdb63092-507d-4fe1-bbef-63b7df779301" providerId="ADAL" clId="{DDD17A88-ECBF-4D7C-9029-B06FC5CD5158}" dt="2023-02-15T18:47:01.539" v="2941" actId="20577"/>
      <pc:docMkLst>
        <pc:docMk/>
      </pc:docMkLst>
      <pc:sldChg chg="modSp mod">
        <pc:chgData name="Griffin, John" userId="bdb63092-507d-4fe1-bbef-63b7df779301" providerId="ADAL" clId="{DDD17A88-ECBF-4D7C-9029-B06FC5CD5158}" dt="2023-02-15T17:37:04.864" v="536" actId="20577"/>
        <pc:sldMkLst>
          <pc:docMk/>
          <pc:sldMk cId="0" sldId="256"/>
        </pc:sldMkLst>
        <pc:spChg chg="mod">
          <ac:chgData name="Griffin, John" userId="bdb63092-507d-4fe1-bbef-63b7df779301" providerId="ADAL" clId="{DDD17A88-ECBF-4D7C-9029-B06FC5CD5158}" dt="2023-02-15T17:37:04.864" v="536" actId="20577"/>
          <ac:spMkLst>
            <pc:docMk/>
            <pc:sldMk cId="0" sldId="256"/>
            <ac:spMk id="349" creationId="{00000000-0000-0000-0000-000000000000}"/>
          </ac:spMkLst>
        </pc:spChg>
      </pc:sldChg>
      <pc:sldChg chg="add ord modNotes">
        <pc:chgData name="Griffin, John" userId="bdb63092-507d-4fe1-bbef-63b7df779301" providerId="ADAL" clId="{DDD17A88-ECBF-4D7C-9029-B06FC5CD5158}" dt="2023-02-15T17:39:17.710" v="550"/>
        <pc:sldMkLst>
          <pc:docMk/>
          <pc:sldMk cId="219157774" sldId="2145704883"/>
        </pc:sldMkLst>
      </pc:sldChg>
      <pc:sldChg chg="modSp add mod modShow">
        <pc:chgData name="Griffin, John" userId="bdb63092-507d-4fe1-bbef-63b7df779301" providerId="ADAL" clId="{DDD17A88-ECBF-4D7C-9029-B06FC5CD5158}" dt="2023-02-15T17:37:17.228" v="537" actId="729"/>
        <pc:sldMkLst>
          <pc:docMk/>
          <pc:sldMk cId="1289432401" sldId="2147309856"/>
        </pc:sldMkLst>
        <pc:spChg chg="mod">
          <ac:chgData name="Griffin, John" userId="bdb63092-507d-4fe1-bbef-63b7df779301" providerId="ADAL" clId="{DDD17A88-ECBF-4D7C-9029-B06FC5CD5158}" dt="2023-02-15T17:27:10.099" v="357" actId="404"/>
          <ac:spMkLst>
            <pc:docMk/>
            <pc:sldMk cId="1289432401" sldId="2147309856"/>
            <ac:spMk id="2" creationId="{EAB7CD77-1D0A-4521-9928-38A0655412B2}"/>
          </ac:spMkLst>
        </pc:spChg>
        <pc:spChg chg="mod">
          <ac:chgData name="Griffin, John" userId="bdb63092-507d-4fe1-bbef-63b7df779301" providerId="ADAL" clId="{DDD17A88-ECBF-4D7C-9029-B06FC5CD5158}" dt="2023-02-15T17:26:51.202" v="354" actId="20577"/>
          <ac:spMkLst>
            <pc:docMk/>
            <pc:sldMk cId="1289432401" sldId="2147309856"/>
            <ac:spMk id="3" creationId="{D73A0371-A70D-4F0C-9234-C4CC81EE5A7F}"/>
          </ac:spMkLst>
        </pc:spChg>
        <pc:spChg chg="mod">
          <ac:chgData name="Griffin, John" userId="bdb63092-507d-4fe1-bbef-63b7df779301" providerId="ADAL" clId="{DDD17A88-ECBF-4D7C-9029-B06FC5CD5158}" dt="2023-02-15T17:26:40.874" v="344" actId="20577"/>
          <ac:spMkLst>
            <pc:docMk/>
            <pc:sldMk cId="1289432401" sldId="2147309856"/>
            <ac:spMk id="37" creationId="{253DEE31-2FAB-4F85-996F-DEB669A1A121}"/>
          </ac:spMkLst>
        </pc:spChg>
      </pc:sldChg>
      <pc:sldChg chg="modSp add modNotes">
        <pc:chgData name="Griffin, John" userId="bdb63092-507d-4fe1-bbef-63b7df779301" providerId="ADAL" clId="{DDD17A88-ECBF-4D7C-9029-B06FC5CD5158}" dt="2023-02-15T17:24:31.647" v="313"/>
        <pc:sldMkLst>
          <pc:docMk/>
          <pc:sldMk cId="1516139018" sldId="2147375708"/>
        </pc:sldMkLst>
        <pc:spChg chg="mod">
          <ac:chgData name="Griffin, John" userId="bdb63092-507d-4fe1-bbef-63b7df779301" providerId="ADAL" clId="{DDD17A88-ECBF-4D7C-9029-B06FC5CD5158}" dt="2023-02-15T17:24:31.647" v="313"/>
          <ac:spMkLst>
            <pc:docMk/>
            <pc:sldMk cId="1516139018" sldId="2147375708"/>
            <ac:spMk id="2" creationId="{68FEBDA0-E75A-4562-ACA9-4A9F8F60DD75}"/>
          </ac:spMkLst>
        </pc:spChg>
      </pc:sldChg>
      <pc:sldChg chg="modSp add ord modNotes">
        <pc:chgData name="Griffin, John" userId="bdb63092-507d-4fe1-bbef-63b7df779301" providerId="ADAL" clId="{DDD17A88-ECBF-4D7C-9029-B06FC5CD5158}" dt="2023-02-15T17:39:23.495" v="552"/>
        <pc:sldMkLst>
          <pc:docMk/>
          <pc:sldMk cId="2265169015" sldId="2147375710"/>
        </pc:sldMkLst>
        <pc:spChg chg="mod">
          <ac:chgData name="Griffin, John" userId="bdb63092-507d-4fe1-bbef-63b7df779301" providerId="ADAL" clId="{DDD17A88-ECBF-4D7C-9029-B06FC5CD5158}" dt="2023-02-15T17:24:31.647" v="313"/>
          <ac:spMkLst>
            <pc:docMk/>
            <pc:sldMk cId="2265169015" sldId="2147375710"/>
            <ac:spMk id="2" creationId="{68FEBDA0-E75A-4562-ACA9-4A9F8F60DD75}"/>
          </ac:spMkLst>
        </pc:spChg>
      </pc:sldChg>
      <pc:sldChg chg="delSp modSp add mod">
        <pc:chgData name="Griffin, John" userId="bdb63092-507d-4fe1-bbef-63b7df779301" providerId="ADAL" clId="{DDD17A88-ECBF-4D7C-9029-B06FC5CD5158}" dt="2023-02-15T18:47:01.539" v="2941" actId="20577"/>
        <pc:sldMkLst>
          <pc:docMk/>
          <pc:sldMk cId="966300875" sldId="2147375718"/>
        </pc:sldMkLst>
        <pc:spChg chg="mod">
          <ac:chgData name="Griffin, John" userId="bdb63092-507d-4fe1-bbef-63b7df779301" providerId="ADAL" clId="{DDD17A88-ECBF-4D7C-9029-B06FC5CD5158}" dt="2023-02-15T17:46:27.402" v="656" actId="20577"/>
          <ac:spMkLst>
            <pc:docMk/>
            <pc:sldMk cId="966300875" sldId="2147375718"/>
            <ac:spMk id="2" creationId="{5F0AF32C-473E-40F1-BC1C-348833527C43}"/>
          </ac:spMkLst>
        </pc:spChg>
        <pc:spChg chg="mod">
          <ac:chgData name="Griffin, John" userId="bdb63092-507d-4fe1-bbef-63b7df779301" providerId="ADAL" clId="{DDD17A88-ECBF-4D7C-9029-B06FC5CD5158}" dt="2023-02-15T18:47:01.539" v="2941" actId="20577"/>
          <ac:spMkLst>
            <pc:docMk/>
            <pc:sldMk cId="966300875" sldId="2147375718"/>
            <ac:spMk id="3" creationId="{B521614E-DF5D-4DDD-BE38-AB1005E14931}"/>
          </ac:spMkLst>
        </pc:spChg>
        <pc:spChg chg="del">
          <ac:chgData name="Griffin, John" userId="bdb63092-507d-4fe1-bbef-63b7df779301" providerId="ADAL" clId="{DDD17A88-ECBF-4D7C-9029-B06FC5CD5158}" dt="2023-02-15T18:13:32.948" v="1324" actId="478"/>
          <ac:spMkLst>
            <pc:docMk/>
            <pc:sldMk cId="966300875" sldId="2147375718"/>
            <ac:spMk id="4" creationId="{52D2F821-BAC1-4CA0-9076-6191F44E089B}"/>
          </ac:spMkLst>
        </pc:spChg>
      </pc:sldChg>
      <pc:sldChg chg="modSp add mod">
        <pc:chgData name="Griffin, John" userId="bdb63092-507d-4fe1-bbef-63b7df779301" providerId="ADAL" clId="{DDD17A88-ECBF-4D7C-9029-B06FC5CD5158}" dt="2023-02-15T17:54:05.948" v="914" actId="20577"/>
        <pc:sldMkLst>
          <pc:docMk/>
          <pc:sldMk cId="3385811369" sldId="2147375732"/>
        </pc:sldMkLst>
        <pc:spChg chg="mod">
          <ac:chgData name="Griffin, John" userId="bdb63092-507d-4fe1-bbef-63b7df779301" providerId="ADAL" clId="{DDD17A88-ECBF-4D7C-9029-B06FC5CD5158}" dt="2023-02-15T17:54:05.948" v="914" actId="20577"/>
          <ac:spMkLst>
            <pc:docMk/>
            <pc:sldMk cId="3385811369" sldId="2147375732"/>
            <ac:spMk id="2" creationId="{C9E42817-A28D-4A27-A3CF-10DC610DEF3C}"/>
          </ac:spMkLst>
        </pc:spChg>
      </pc:sldChg>
      <pc:sldChg chg="modSp add mod">
        <pc:chgData name="Griffin, John" userId="bdb63092-507d-4fe1-bbef-63b7df779301" providerId="ADAL" clId="{DDD17A88-ECBF-4D7C-9029-B06FC5CD5158}" dt="2023-02-15T18:10:28.633" v="1288" actId="6549"/>
        <pc:sldMkLst>
          <pc:docMk/>
          <pc:sldMk cId="3739816706" sldId="2147375735"/>
        </pc:sldMkLst>
        <pc:spChg chg="mod">
          <ac:chgData name="Griffin, John" userId="bdb63092-507d-4fe1-bbef-63b7df779301" providerId="ADAL" clId="{DDD17A88-ECBF-4D7C-9029-B06FC5CD5158}" dt="2023-02-15T18:10:28.633" v="1288" actId="6549"/>
          <ac:spMkLst>
            <pc:docMk/>
            <pc:sldMk cId="3739816706" sldId="2147375735"/>
            <ac:spMk id="2" creationId="{C9E42817-A28D-4A27-A3CF-10DC610DEF3C}"/>
          </ac:spMkLst>
        </pc:spChg>
      </pc:sldChg>
      <pc:sldChg chg="add ord modNotes">
        <pc:chgData name="Griffin, John" userId="bdb63092-507d-4fe1-bbef-63b7df779301" providerId="ADAL" clId="{DDD17A88-ECBF-4D7C-9029-B06FC5CD5158}" dt="2023-02-15T17:29:09.819" v="374"/>
        <pc:sldMkLst>
          <pc:docMk/>
          <pc:sldMk cId="988218268" sldId="2147375773"/>
        </pc:sldMkLst>
      </pc:sldChg>
      <pc:sldChg chg="modSp add mod ord">
        <pc:chgData name="Griffin, John" userId="bdb63092-507d-4fe1-bbef-63b7df779301" providerId="ADAL" clId="{DDD17A88-ECBF-4D7C-9029-B06FC5CD5158}" dt="2023-02-15T18:10:23.367" v="1287"/>
        <pc:sldMkLst>
          <pc:docMk/>
          <pc:sldMk cId="2319776832" sldId="2147375775"/>
        </pc:sldMkLst>
        <pc:spChg chg="mod">
          <ac:chgData name="Griffin, John" userId="bdb63092-507d-4fe1-bbef-63b7df779301" providerId="ADAL" clId="{DDD17A88-ECBF-4D7C-9029-B06FC5CD5158}" dt="2023-02-15T17:38:46.140" v="548" actId="1076"/>
          <ac:spMkLst>
            <pc:docMk/>
            <pc:sldMk cId="2319776832" sldId="2147375775"/>
            <ac:spMk id="2" creationId="{D4C81D36-EF32-47A4-A5F1-75AAF19273C0}"/>
          </ac:spMkLst>
        </pc:spChg>
      </pc:sldChg>
      <pc:sldChg chg="add ord modNotes">
        <pc:chgData name="Griffin, John" userId="bdb63092-507d-4fe1-bbef-63b7df779301" providerId="ADAL" clId="{DDD17A88-ECBF-4D7C-9029-B06FC5CD5158}" dt="2023-02-15T18:10:23.367" v="1287"/>
        <pc:sldMkLst>
          <pc:docMk/>
          <pc:sldMk cId="1462611" sldId="2147375779"/>
        </pc:sldMkLst>
      </pc:sldChg>
      <pc:sldChg chg="add">
        <pc:chgData name="Griffin, John" userId="bdb63092-507d-4fe1-bbef-63b7df779301" providerId="ADAL" clId="{DDD17A88-ECBF-4D7C-9029-B06FC5CD5158}" dt="2023-02-15T17:38:35.718" v="547"/>
        <pc:sldMkLst>
          <pc:docMk/>
          <pc:sldMk cId="817523821" sldId="2147375780"/>
        </pc:sldMkLst>
      </pc:sldChg>
      <pc:sldChg chg="add">
        <pc:chgData name="Griffin, John" userId="bdb63092-507d-4fe1-bbef-63b7df779301" providerId="ADAL" clId="{DDD17A88-ECBF-4D7C-9029-B06FC5CD5158}" dt="2023-02-15T17:38:35.718" v="547"/>
        <pc:sldMkLst>
          <pc:docMk/>
          <pc:sldMk cId="680116177" sldId="2147375781"/>
        </pc:sldMkLst>
      </pc:sldChg>
      <pc:sldChg chg="addSp delSp modSp mod">
        <pc:chgData name="Griffin, John" userId="bdb63092-507d-4fe1-bbef-63b7df779301" providerId="ADAL" clId="{DDD17A88-ECBF-4D7C-9029-B06FC5CD5158}" dt="2023-02-15T18:17:54.371" v="1788" actId="6549"/>
        <pc:sldMkLst>
          <pc:docMk/>
          <pc:sldMk cId="3262035270" sldId="2147375789"/>
        </pc:sldMkLst>
        <pc:spChg chg="add del mod">
          <ac:chgData name="Griffin, John" userId="bdb63092-507d-4fe1-bbef-63b7df779301" providerId="ADAL" clId="{DDD17A88-ECBF-4D7C-9029-B06FC5CD5158}" dt="2023-02-15T18:17:54.371" v="1788" actId="6549"/>
          <ac:spMkLst>
            <pc:docMk/>
            <pc:sldMk cId="3262035270" sldId="2147375789"/>
            <ac:spMk id="3" creationId="{D25CF673-A18E-4342-86B7-320A29E92F50}"/>
          </ac:spMkLst>
        </pc:spChg>
        <pc:spChg chg="del mod">
          <ac:chgData name="Griffin, John" userId="bdb63092-507d-4fe1-bbef-63b7df779301" providerId="ADAL" clId="{DDD17A88-ECBF-4D7C-9029-B06FC5CD5158}" dt="2023-02-15T17:21:28.871" v="117" actId="478"/>
          <ac:spMkLst>
            <pc:docMk/>
            <pc:sldMk cId="3262035270" sldId="2147375789"/>
            <ac:spMk id="5" creationId="{3F8A5F58-A3F6-4125-A46E-72CA8028B54D}"/>
          </ac:spMkLst>
        </pc:spChg>
        <pc:spChg chg="del">
          <ac:chgData name="Griffin, John" userId="bdb63092-507d-4fe1-bbef-63b7df779301" providerId="ADAL" clId="{DDD17A88-ECBF-4D7C-9029-B06FC5CD5158}" dt="2023-02-15T17:17:25.829" v="8" actId="478"/>
          <ac:spMkLst>
            <pc:docMk/>
            <pc:sldMk cId="3262035270" sldId="2147375789"/>
            <ac:spMk id="6" creationId="{34EEA62C-5C35-4B24-97DF-F31DD0E298A4}"/>
          </ac:spMkLst>
        </pc:spChg>
        <pc:spChg chg="mod">
          <ac:chgData name="Griffin, John" userId="bdb63092-507d-4fe1-bbef-63b7df779301" providerId="ADAL" clId="{DDD17A88-ECBF-4D7C-9029-B06FC5CD5158}" dt="2023-02-15T17:41:58.724" v="630" actId="1076"/>
          <ac:spMkLst>
            <pc:docMk/>
            <pc:sldMk cId="3262035270" sldId="2147375789"/>
            <ac:spMk id="7" creationId="{9E01DB72-D7C4-464A-962E-E23398C97E3D}"/>
          </ac:spMkLst>
        </pc:spChg>
        <pc:spChg chg="add mod">
          <ac:chgData name="Griffin, John" userId="bdb63092-507d-4fe1-bbef-63b7df779301" providerId="ADAL" clId="{DDD17A88-ECBF-4D7C-9029-B06FC5CD5158}" dt="2023-02-15T17:24:28.233" v="309" actId="26606"/>
          <ac:spMkLst>
            <pc:docMk/>
            <pc:sldMk cId="3262035270" sldId="2147375789"/>
            <ac:spMk id="9" creationId="{105C65A4-B52F-4449-9D87-31A9F8380DC2}"/>
          </ac:spMkLst>
        </pc:spChg>
        <pc:graphicFrameChg chg="add del">
          <ac:chgData name="Griffin, John" userId="bdb63092-507d-4fe1-bbef-63b7df779301" providerId="ADAL" clId="{DDD17A88-ECBF-4D7C-9029-B06FC5CD5158}" dt="2023-02-15T17:24:22.001" v="303" actId="26606"/>
          <ac:graphicFrameMkLst>
            <pc:docMk/>
            <pc:sldMk cId="3262035270" sldId="2147375789"/>
            <ac:graphicFrameMk id="11" creationId="{A59D5889-CD35-9AB8-0AA3-247310712347}"/>
          </ac:graphicFrameMkLst>
        </pc:graphicFrameChg>
        <pc:graphicFrameChg chg="add del">
          <ac:chgData name="Griffin, John" userId="bdb63092-507d-4fe1-bbef-63b7df779301" providerId="ADAL" clId="{DDD17A88-ECBF-4D7C-9029-B06FC5CD5158}" dt="2023-02-15T17:24:23.208" v="305" actId="26606"/>
          <ac:graphicFrameMkLst>
            <pc:docMk/>
            <pc:sldMk cId="3262035270" sldId="2147375789"/>
            <ac:graphicFrameMk id="13" creationId="{66ABA81A-73AF-BD7C-94BB-F6499D7C5946}"/>
          </ac:graphicFrameMkLst>
        </pc:graphicFrameChg>
        <pc:graphicFrameChg chg="add del">
          <ac:chgData name="Griffin, John" userId="bdb63092-507d-4fe1-bbef-63b7df779301" providerId="ADAL" clId="{DDD17A88-ECBF-4D7C-9029-B06FC5CD5158}" dt="2023-02-15T17:24:25.180" v="307" actId="26606"/>
          <ac:graphicFrameMkLst>
            <pc:docMk/>
            <pc:sldMk cId="3262035270" sldId="2147375789"/>
            <ac:graphicFrameMk id="15" creationId="{8D9E99A2-AB57-6B3A-1FF8-72F8F32278ED}"/>
          </ac:graphicFrameMkLst>
        </pc:graphicFrameChg>
        <pc:graphicFrameChg chg="add del">
          <ac:chgData name="Griffin, John" userId="bdb63092-507d-4fe1-bbef-63b7df779301" providerId="ADAL" clId="{DDD17A88-ECBF-4D7C-9029-B06FC5CD5158}" dt="2023-02-15T17:24:28.233" v="309" actId="26606"/>
          <ac:graphicFrameMkLst>
            <pc:docMk/>
            <pc:sldMk cId="3262035270" sldId="2147375789"/>
            <ac:graphicFrameMk id="17" creationId="{8C2BCB1E-59AE-BD92-FCF4-0FE07FBABC55}"/>
          </ac:graphicFrameMkLst>
        </pc:graphicFrameChg>
      </pc:sldChg>
      <pc:sldChg chg="addSp delSp modSp add mod ord delAnim">
        <pc:chgData name="Griffin, John" userId="bdb63092-507d-4fe1-bbef-63b7df779301" providerId="ADAL" clId="{DDD17A88-ECBF-4D7C-9029-B06FC5CD5158}" dt="2023-02-15T18:40:07.145" v="2476"/>
        <pc:sldMkLst>
          <pc:docMk/>
          <pc:sldMk cId="2699126362" sldId="2147375791"/>
        </pc:sldMkLst>
        <pc:spChg chg="mod">
          <ac:chgData name="Griffin, John" userId="bdb63092-507d-4fe1-bbef-63b7df779301" providerId="ADAL" clId="{DDD17A88-ECBF-4D7C-9029-B06FC5CD5158}" dt="2023-02-15T17:59:26.655" v="1165" actId="404"/>
          <ac:spMkLst>
            <pc:docMk/>
            <pc:sldMk cId="2699126362" sldId="2147375791"/>
            <ac:spMk id="2" creationId="{160C60B7-76F0-407E-BA95-EE55A26F2623}"/>
          </ac:spMkLst>
        </pc:spChg>
        <pc:spChg chg="mod">
          <ac:chgData name="Griffin, John" userId="bdb63092-507d-4fe1-bbef-63b7df779301" providerId="ADAL" clId="{DDD17A88-ECBF-4D7C-9029-B06FC5CD5158}" dt="2023-02-15T17:29:59.724" v="382" actId="6549"/>
          <ac:spMkLst>
            <pc:docMk/>
            <pc:sldMk cId="2699126362" sldId="2147375791"/>
            <ac:spMk id="4" creationId="{D3C58B6A-5F34-4485-9973-9A660FB09C60}"/>
          </ac:spMkLst>
        </pc:spChg>
        <pc:spChg chg="mod ord">
          <ac:chgData name="Griffin, John" userId="bdb63092-507d-4fe1-bbef-63b7df779301" providerId="ADAL" clId="{DDD17A88-ECBF-4D7C-9029-B06FC5CD5158}" dt="2023-02-15T17:30:16.362" v="385" actId="167"/>
          <ac:spMkLst>
            <pc:docMk/>
            <pc:sldMk cId="2699126362" sldId="2147375791"/>
            <ac:spMk id="5" creationId="{0F87F62D-5BB9-4359-9EED-572193036968}"/>
          </ac:spMkLst>
        </pc:spChg>
        <pc:spChg chg="mod topLvl">
          <ac:chgData name="Griffin, John" userId="bdb63092-507d-4fe1-bbef-63b7df779301" providerId="ADAL" clId="{DDD17A88-ECBF-4D7C-9029-B06FC5CD5158}" dt="2023-02-15T18:26:34.358" v="2254" actId="207"/>
          <ac:spMkLst>
            <pc:docMk/>
            <pc:sldMk cId="2699126362" sldId="2147375791"/>
            <ac:spMk id="6" creationId="{FEEDE28C-3623-4A2B-B808-50021B8F58F7}"/>
          </ac:spMkLst>
        </pc:spChg>
        <pc:spChg chg="mod">
          <ac:chgData name="Griffin, John" userId="bdb63092-507d-4fe1-bbef-63b7df779301" providerId="ADAL" clId="{DDD17A88-ECBF-4D7C-9029-B06FC5CD5158}" dt="2023-02-15T18:26:34.358" v="2254" actId="207"/>
          <ac:spMkLst>
            <pc:docMk/>
            <pc:sldMk cId="2699126362" sldId="2147375791"/>
            <ac:spMk id="7" creationId="{A5AE7185-A40C-4148-860D-A06408444F3C}"/>
          </ac:spMkLst>
        </pc:spChg>
        <pc:spChg chg="mod">
          <ac:chgData name="Griffin, John" userId="bdb63092-507d-4fe1-bbef-63b7df779301" providerId="ADAL" clId="{DDD17A88-ECBF-4D7C-9029-B06FC5CD5158}" dt="2023-02-15T18:26:34.358" v="2254" actId="207"/>
          <ac:spMkLst>
            <pc:docMk/>
            <pc:sldMk cId="2699126362" sldId="2147375791"/>
            <ac:spMk id="8" creationId="{505302C4-F26F-4112-9944-4A6E31D73BED}"/>
          </ac:spMkLst>
        </pc:spChg>
        <pc:spChg chg="add mod ord">
          <ac:chgData name="Griffin, John" userId="bdb63092-507d-4fe1-bbef-63b7df779301" providerId="ADAL" clId="{DDD17A88-ECBF-4D7C-9029-B06FC5CD5158}" dt="2023-02-15T17:29:43.795" v="380" actId="167"/>
          <ac:spMkLst>
            <pc:docMk/>
            <pc:sldMk cId="2699126362" sldId="2147375791"/>
            <ac:spMk id="10" creationId="{47BABA3F-40E2-E1F3-9553-F09EAC7774CF}"/>
          </ac:spMkLst>
        </pc:spChg>
        <pc:spChg chg="mod">
          <ac:chgData name="Griffin, John" userId="bdb63092-507d-4fe1-bbef-63b7df779301" providerId="ADAL" clId="{DDD17A88-ECBF-4D7C-9029-B06FC5CD5158}" dt="2023-02-15T18:26:34.358" v="2254" actId="207"/>
          <ac:spMkLst>
            <pc:docMk/>
            <pc:sldMk cId="2699126362" sldId="2147375791"/>
            <ac:spMk id="12" creationId="{36A183F8-9B3E-4199-89FB-1CD25825D2BB}"/>
          </ac:spMkLst>
        </pc:spChg>
        <pc:spChg chg="mod">
          <ac:chgData name="Griffin, John" userId="bdb63092-507d-4fe1-bbef-63b7df779301" providerId="ADAL" clId="{DDD17A88-ECBF-4D7C-9029-B06FC5CD5158}" dt="2023-02-15T17:30:59.702" v="396" actId="20577"/>
          <ac:spMkLst>
            <pc:docMk/>
            <pc:sldMk cId="2699126362" sldId="2147375791"/>
            <ac:spMk id="19" creationId="{06599F55-ACE7-45C0-9F84-A307E98E611F}"/>
          </ac:spMkLst>
        </pc:spChg>
        <pc:spChg chg="mod ord">
          <ac:chgData name="Griffin, John" userId="bdb63092-507d-4fe1-bbef-63b7df779301" providerId="ADAL" clId="{DDD17A88-ECBF-4D7C-9029-B06FC5CD5158}" dt="2023-02-15T17:35:14.213" v="513" actId="207"/>
          <ac:spMkLst>
            <pc:docMk/>
            <pc:sldMk cId="2699126362" sldId="2147375791"/>
            <ac:spMk id="23" creationId="{FB7F5A43-8D08-4EE8-9111-6966D6039059}"/>
          </ac:spMkLst>
        </pc:spChg>
        <pc:spChg chg="mod">
          <ac:chgData name="Griffin, John" userId="bdb63092-507d-4fe1-bbef-63b7df779301" providerId="ADAL" clId="{DDD17A88-ECBF-4D7C-9029-B06FC5CD5158}" dt="2023-02-15T18:26:34.358" v="2254" actId="207"/>
          <ac:spMkLst>
            <pc:docMk/>
            <pc:sldMk cId="2699126362" sldId="2147375791"/>
            <ac:spMk id="67" creationId="{08590E39-9C8A-4311-93DF-FBE1F25653B2}"/>
          </ac:spMkLst>
        </pc:spChg>
        <pc:spChg chg="mod">
          <ac:chgData name="Griffin, John" userId="bdb63092-507d-4fe1-bbef-63b7df779301" providerId="ADAL" clId="{DDD17A88-ECBF-4D7C-9029-B06FC5CD5158}" dt="2023-02-15T17:35:04.772" v="510" actId="20577"/>
          <ac:spMkLst>
            <pc:docMk/>
            <pc:sldMk cId="2699126362" sldId="2147375791"/>
            <ac:spMk id="68" creationId="{12987EBC-ADC0-43F6-B0A0-A515C49A937C}"/>
          </ac:spMkLst>
        </pc:spChg>
        <pc:spChg chg="del">
          <ac:chgData name="Griffin, John" userId="bdb63092-507d-4fe1-bbef-63b7df779301" providerId="ADAL" clId="{DDD17A88-ECBF-4D7C-9029-B06FC5CD5158}" dt="2023-02-15T17:28:44.574" v="370" actId="478"/>
          <ac:spMkLst>
            <pc:docMk/>
            <pc:sldMk cId="2699126362" sldId="2147375791"/>
            <ac:spMk id="74" creationId="{C7D2890A-5707-4FA4-AA6C-F12F59C579E0}"/>
          </ac:spMkLst>
        </pc:spChg>
        <pc:spChg chg="del">
          <ac:chgData name="Griffin, John" userId="bdb63092-507d-4fe1-bbef-63b7df779301" providerId="ADAL" clId="{DDD17A88-ECBF-4D7C-9029-B06FC5CD5158}" dt="2023-02-15T17:28:49.273" v="371" actId="478"/>
          <ac:spMkLst>
            <pc:docMk/>
            <pc:sldMk cId="2699126362" sldId="2147375791"/>
            <ac:spMk id="75" creationId="{B34B0FFD-5D5F-4A14-A73A-36F1C8095C7F}"/>
          </ac:spMkLst>
        </pc:spChg>
        <pc:spChg chg="del mod topLvl">
          <ac:chgData name="Griffin, John" userId="bdb63092-507d-4fe1-bbef-63b7df779301" providerId="ADAL" clId="{DDD17A88-ECBF-4D7C-9029-B06FC5CD5158}" dt="2023-02-15T17:31:40.985" v="430" actId="478"/>
          <ac:spMkLst>
            <pc:docMk/>
            <pc:sldMk cId="2699126362" sldId="2147375791"/>
            <ac:spMk id="103" creationId="{C11BB8A4-5CDF-4D03-9FA4-42C8CBB44604}"/>
          </ac:spMkLst>
        </pc:spChg>
        <pc:spChg chg="mod">
          <ac:chgData name="Griffin, John" userId="bdb63092-507d-4fe1-bbef-63b7df779301" providerId="ADAL" clId="{DDD17A88-ECBF-4D7C-9029-B06FC5CD5158}" dt="2023-02-15T17:34:14.716" v="479" actId="20577"/>
          <ac:spMkLst>
            <pc:docMk/>
            <pc:sldMk cId="2699126362" sldId="2147375791"/>
            <ac:spMk id="116" creationId="{CAA54709-24FB-47AD-AA65-E2455AA9E72F}"/>
          </ac:spMkLst>
        </pc:spChg>
        <pc:spChg chg="mod">
          <ac:chgData name="Griffin, John" userId="bdb63092-507d-4fe1-bbef-63b7df779301" providerId="ADAL" clId="{DDD17A88-ECBF-4D7C-9029-B06FC5CD5158}" dt="2023-02-15T18:26:35.535" v="2255" actId="207"/>
          <ac:spMkLst>
            <pc:docMk/>
            <pc:sldMk cId="2699126362" sldId="2147375791"/>
            <ac:spMk id="119" creationId="{2D799242-06B4-4B7B-BEAC-5041D4A0B104}"/>
          </ac:spMkLst>
        </pc:spChg>
        <pc:spChg chg="mod">
          <ac:chgData name="Griffin, John" userId="bdb63092-507d-4fe1-bbef-63b7df779301" providerId="ADAL" clId="{DDD17A88-ECBF-4D7C-9029-B06FC5CD5158}" dt="2023-02-15T18:26:56.846" v="2257" actId="108"/>
          <ac:spMkLst>
            <pc:docMk/>
            <pc:sldMk cId="2699126362" sldId="2147375791"/>
            <ac:spMk id="343" creationId="{58D1B885-28AA-4298-8A00-A4F98264C0F7}"/>
          </ac:spMkLst>
        </pc:spChg>
        <pc:grpChg chg="add del">
          <ac:chgData name="Griffin, John" userId="bdb63092-507d-4fe1-bbef-63b7df779301" providerId="ADAL" clId="{DDD17A88-ECBF-4D7C-9029-B06FC5CD5158}" dt="2023-02-15T17:31:37.794" v="429" actId="165"/>
          <ac:grpSpMkLst>
            <pc:docMk/>
            <pc:sldMk cId="2699126362" sldId="2147375791"/>
            <ac:grpSpMk id="9" creationId="{7DEAB6CD-A841-4C38-AB5A-3B177C191000}"/>
          </ac:grpSpMkLst>
        </pc:grpChg>
        <pc:cxnChg chg="mod">
          <ac:chgData name="Griffin, John" userId="bdb63092-507d-4fe1-bbef-63b7df779301" providerId="ADAL" clId="{DDD17A88-ECBF-4D7C-9029-B06FC5CD5158}" dt="2023-02-15T17:30:26.303" v="387" actId="14100"/>
          <ac:cxnSpMkLst>
            <pc:docMk/>
            <pc:sldMk cId="2699126362" sldId="2147375791"/>
            <ac:cxnSpMk id="35" creationId="{DAFEC3FE-1865-480E-A59D-8D126480834B}"/>
          </ac:cxnSpMkLst>
        </pc:cxnChg>
        <pc:cxnChg chg="mod">
          <ac:chgData name="Griffin, John" userId="bdb63092-507d-4fe1-bbef-63b7df779301" providerId="ADAL" clId="{DDD17A88-ECBF-4D7C-9029-B06FC5CD5158}" dt="2023-02-15T17:32:51.514" v="460" actId="1035"/>
          <ac:cxnSpMkLst>
            <pc:docMk/>
            <pc:sldMk cId="2699126362" sldId="2147375791"/>
            <ac:cxnSpMk id="95" creationId="{402557A8-EADE-43AA-9B9C-9750DC9FCE44}"/>
          </ac:cxnSpMkLst>
        </pc:cxnChg>
        <pc:cxnChg chg="mod">
          <ac:chgData name="Griffin, John" userId="bdb63092-507d-4fe1-bbef-63b7df779301" providerId="ADAL" clId="{DDD17A88-ECBF-4D7C-9029-B06FC5CD5158}" dt="2023-02-15T17:32:51.514" v="460" actId="1035"/>
          <ac:cxnSpMkLst>
            <pc:docMk/>
            <pc:sldMk cId="2699126362" sldId="2147375791"/>
            <ac:cxnSpMk id="145" creationId="{B8D42683-5451-4047-A5AF-BBB1109026F1}"/>
          </ac:cxnSpMkLst>
        </pc:cxnChg>
        <pc:cxnChg chg="mod">
          <ac:chgData name="Griffin, John" userId="bdb63092-507d-4fe1-bbef-63b7df779301" providerId="ADAL" clId="{DDD17A88-ECBF-4D7C-9029-B06FC5CD5158}" dt="2023-02-15T17:32:55.887" v="461" actId="14100"/>
          <ac:cxnSpMkLst>
            <pc:docMk/>
            <pc:sldMk cId="2699126362" sldId="2147375791"/>
            <ac:cxnSpMk id="247" creationId="{713BB612-46D0-45CB-8E8D-FD680CF05DD9}"/>
          </ac:cxnSpMkLst>
        </pc:cxnChg>
        <pc:cxnChg chg="mod">
          <ac:chgData name="Griffin, John" userId="bdb63092-507d-4fe1-bbef-63b7df779301" providerId="ADAL" clId="{DDD17A88-ECBF-4D7C-9029-B06FC5CD5158}" dt="2023-02-15T17:58:25.269" v="1127" actId="14100"/>
          <ac:cxnSpMkLst>
            <pc:docMk/>
            <pc:sldMk cId="2699126362" sldId="2147375791"/>
            <ac:cxnSpMk id="345" creationId="{CC0201F3-EC71-47A1-B696-4F7490FCF010}"/>
          </ac:cxnSpMkLst>
        </pc:cxnChg>
      </pc:sldChg>
      <pc:sldChg chg="modSp add modNotes">
        <pc:chgData name="Griffin, John" userId="bdb63092-507d-4fe1-bbef-63b7df779301" providerId="ADAL" clId="{DDD17A88-ECBF-4D7C-9029-B06FC5CD5158}" dt="2023-02-15T17:24:31.647" v="313"/>
        <pc:sldMkLst>
          <pc:docMk/>
          <pc:sldMk cId="1527140223" sldId="2147375793"/>
        </pc:sldMkLst>
        <pc:spChg chg="mod">
          <ac:chgData name="Griffin, John" userId="bdb63092-507d-4fe1-bbef-63b7df779301" providerId="ADAL" clId="{DDD17A88-ECBF-4D7C-9029-B06FC5CD5158}" dt="2023-02-15T17:24:31.647" v="313"/>
          <ac:spMkLst>
            <pc:docMk/>
            <pc:sldMk cId="1527140223" sldId="2147375793"/>
            <ac:spMk id="2" creationId="{68FEBDA0-E75A-4562-ACA9-4A9F8F60DD75}"/>
          </ac:spMkLst>
        </pc:spChg>
      </pc:sldChg>
      <pc:sldChg chg="modSp del mod ord">
        <pc:chgData name="Griffin, John" userId="bdb63092-507d-4fe1-bbef-63b7df779301" providerId="ADAL" clId="{DDD17A88-ECBF-4D7C-9029-B06FC5CD5158}" dt="2023-02-15T17:38:33.264" v="546" actId="47"/>
        <pc:sldMkLst>
          <pc:docMk/>
          <pc:sldMk cId="890058938" sldId="2147469480"/>
        </pc:sldMkLst>
        <pc:spChg chg="mod">
          <ac:chgData name="Griffin, John" userId="bdb63092-507d-4fe1-bbef-63b7df779301" providerId="ADAL" clId="{DDD17A88-ECBF-4D7C-9029-B06FC5CD5158}" dt="2023-02-15T17:37:46.626" v="545" actId="20577"/>
          <ac:spMkLst>
            <pc:docMk/>
            <pc:sldMk cId="890058938" sldId="2147469480"/>
            <ac:spMk id="2" creationId="{08E562BF-58BE-D545-B2DB-73D1AFDDED5B}"/>
          </ac:spMkLst>
        </pc:spChg>
        <pc:spChg chg="mod">
          <ac:chgData name="Griffin, John" userId="bdb63092-507d-4fe1-bbef-63b7df779301" providerId="ADAL" clId="{DDD17A88-ECBF-4D7C-9029-B06FC5CD5158}" dt="2023-02-15T17:24:31.647" v="313"/>
          <ac:spMkLst>
            <pc:docMk/>
            <pc:sldMk cId="890058938" sldId="2147469480"/>
            <ac:spMk id="3" creationId="{C2D1A848-6806-EA62-919A-486997D22B96}"/>
          </ac:spMkLst>
        </pc:spChg>
      </pc:sldChg>
      <pc:sldChg chg="addSp modSp mod ord">
        <pc:chgData name="Griffin, John" userId="bdb63092-507d-4fe1-bbef-63b7df779301" providerId="ADAL" clId="{DDD17A88-ECBF-4D7C-9029-B06FC5CD5158}" dt="2023-02-15T17:59:10.529" v="1160" actId="313"/>
        <pc:sldMkLst>
          <pc:docMk/>
          <pc:sldMk cId="1245359931" sldId="2147469481"/>
        </pc:sldMkLst>
        <pc:spChg chg="mod">
          <ac:chgData name="Griffin, John" userId="bdb63092-507d-4fe1-bbef-63b7df779301" providerId="ADAL" clId="{DDD17A88-ECBF-4D7C-9029-B06FC5CD5158}" dt="2023-02-15T17:57:04.706" v="1124" actId="6549"/>
          <ac:spMkLst>
            <pc:docMk/>
            <pc:sldMk cId="1245359931" sldId="2147469481"/>
            <ac:spMk id="2" creationId="{A5930668-76A1-6E54-02D3-3A0DDE2DDAB6}"/>
          </ac:spMkLst>
        </pc:spChg>
        <pc:spChg chg="mod">
          <ac:chgData name="Griffin, John" userId="bdb63092-507d-4fe1-bbef-63b7df779301" providerId="ADAL" clId="{DDD17A88-ECBF-4D7C-9029-B06FC5CD5158}" dt="2023-02-15T17:24:31.647" v="313"/>
          <ac:spMkLst>
            <pc:docMk/>
            <pc:sldMk cId="1245359931" sldId="2147469481"/>
            <ac:spMk id="3" creationId="{97925FD1-F7B3-38AE-C099-69D15D694BE0}"/>
          </ac:spMkLst>
        </pc:spChg>
        <pc:spChg chg="add mod">
          <ac:chgData name="Griffin, John" userId="bdb63092-507d-4fe1-bbef-63b7df779301" providerId="ADAL" clId="{DDD17A88-ECBF-4D7C-9029-B06FC5CD5158}" dt="2023-02-15T17:59:10.529" v="1160" actId="313"/>
          <ac:spMkLst>
            <pc:docMk/>
            <pc:sldMk cId="1245359931" sldId="2147469481"/>
            <ac:spMk id="6" creationId="{F952BB77-653F-3308-AAB9-CCCF9C3782F7}"/>
          </ac:spMkLst>
        </pc:spChg>
        <pc:picChg chg="add mod">
          <ac:chgData name="Griffin, John" userId="bdb63092-507d-4fe1-bbef-63b7df779301" providerId="ADAL" clId="{DDD17A88-ECBF-4D7C-9029-B06FC5CD5158}" dt="2023-02-15T17:55:57.113" v="1015" actId="1076"/>
          <ac:picMkLst>
            <pc:docMk/>
            <pc:sldMk cId="1245359931" sldId="2147469481"/>
            <ac:picMk id="5" creationId="{97968453-6B18-AE92-30A2-D27492E1414A}"/>
          </ac:picMkLst>
        </pc:picChg>
      </pc:sldChg>
      <pc:sldChg chg="modSp new mod">
        <pc:chgData name="Griffin, John" userId="bdb63092-507d-4fe1-bbef-63b7df779301" providerId="ADAL" clId="{DDD17A88-ECBF-4D7C-9029-B06FC5CD5158}" dt="2023-02-15T17:27:43.407" v="366" actId="20577"/>
        <pc:sldMkLst>
          <pc:docMk/>
          <pc:sldMk cId="602144937" sldId="2147469482"/>
        </pc:sldMkLst>
        <pc:spChg chg="mod">
          <ac:chgData name="Griffin, John" userId="bdb63092-507d-4fe1-bbef-63b7df779301" providerId="ADAL" clId="{DDD17A88-ECBF-4D7C-9029-B06FC5CD5158}" dt="2023-02-15T17:27:43.407" v="366" actId="20577"/>
          <ac:spMkLst>
            <pc:docMk/>
            <pc:sldMk cId="602144937" sldId="2147469482"/>
            <ac:spMk id="2" creationId="{61ACE411-6283-E71A-5453-B123E8774C68}"/>
          </ac:spMkLst>
        </pc:spChg>
      </pc:sldChg>
      <pc:sldChg chg="modSp add mod">
        <pc:chgData name="Griffin, John" userId="bdb63092-507d-4fe1-bbef-63b7df779301" providerId="ADAL" clId="{DDD17A88-ECBF-4D7C-9029-B06FC5CD5158}" dt="2023-02-15T17:40:51.083" v="582" actId="313"/>
        <pc:sldMkLst>
          <pc:docMk/>
          <pc:sldMk cId="3492267702" sldId="2147469483"/>
        </pc:sldMkLst>
        <pc:spChg chg="mod">
          <ac:chgData name="Griffin, John" userId="bdb63092-507d-4fe1-bbef-63b7df779301" providerId="ADAL" clId="{DDD17A88-ECBF-4D7C-9029-B06FC5CD5158}" dt="2023-02-15T17:40:51.083" v="582" actId="313"/>
          <ac:spMkLst>
            <pc:docMk/>
            <pc:sldMk cId="3492267702" sldId="2147469483"/>
            <ac:spMk id="2" creationId="{C9E42817-A28D-4A27-A3CF-10DC610DEF3C}"/>
          </ac:spMkLst>
        </pc:spChg>
      </pc:sldChg>
      <pc:sldChg chg="modSp new del mod">
        <pc:chgData name="Griffin, John" userId="bdb63092-507d-4fe1-bbef-63b7df779301" providerId="ADAL" clId="{DDD17A88-ECBF-4D7C-9029-B06FC5CD5158}" dt="2023-02-15T18:03:33.405" v="1246" actId="47"/>
        <pc:sldMkLst>
          <pc:docMk/>
          <pc:sldMk cId="2686408597" sldId="2147469484"/>
        </pc:sldMkLst>
        <pc:spChg chg="mod">
          <ac:chgData name="Griffin, John" userId="bdb63092-507d-4fe1-bbef-63b7df779301" providerId="ADAL" clId="{DDD17A88-ECBF-4D7C-9029-B06FC5CD5158}" dt="2023-02-15T17:42:59.626" v="642" actId="20577"/>
          <ac:spMkLst>
            <pc:docMk/>
            <pc:sldMk cId="2686408597" sldId="2147469484"/>
            <ac:spMk id="2" creationId="{98DAA6B7-2C8E-B203-905E-184E4A899F2B}"/>
          </ac:spMkLst>
        </pc:spChg>
      </pc:sldChg>
      <pc:sldChg chg="addSp delSp modSp new mod ord modTransition modClrScheme chgLayout">
        <pc:chgData name="Griffin, John" userId="bdb63092-507d-4fe1-bbef-63b7df779301" providerId="ADAL" clId="{DDD17A88-ECBF-4D7C-9029-B06FC5CD5158}" dt="2023-02-15T18:12:52.077" v="1317"/>
        <pc:sldMkLst>
          <pc:docMk/>
          <pc:sldMk cId="2560409470" sldId="2147469485"/>
        </pc:sldMkLst>
        <pc:spChg chg="mod">
          <ac:chgData name="Griffin, John" userId="bdb63092-507d-4fe1-bbef-63b7df779301" providerId="ADAL" clId="{DDD17A88-ECBF-4D7C-9029-B06FC5CD5158}" dt="2023-02-15T18:11:02.159" v="1306" actId="404"/>
          <ac:spMkLst>
            <pc:docMk/>
            <pc:sldMk cId="2560409470" sldId="2147469485"/>
            <ac:spMk id="2" creationId="{ECCA9D0C-24A3-5F7B-32B4-40B48B03DEA9}"/>
          </ac:spMkLst>
        </pc:spChg>
        <pc:graphicFrameChg chg="add del mod modGraphic">
          <ac:chgData name="Griffin, John" userId="bdb63092-507d-4fe1-bbef-63b7df779301" providerId="ADAL" clId="{DDD17A88-ECBF-4D7C-9029-B06FC5CD5158}" dt="2023-02-15T18:09:03.880" v="1247" actId="478"/>
          <ac:graphicFrameMkLst>
            <pc:docMk/>
            <pc:sldMk cId="2560409470" sldId="2147469485"/>
            <ac:graphicFrameMk id="3" creationId="{39402B84-F71F-84F2-8BFB-D6364C36F0B3}"/>
          </ac:graphicFrameMkLst>
        </pc:graphicFrameChg>
        <pc:graphicFrameChg chg="add mod modGraphic">
          <ac:chgData name="Griffin, John" userId="bdb63092-507d-4fe1-bbef-63b7df779301" providerId="ADAL" clId="{DDD17A88-ECBF-4D7C-9029-B06FC5CD5158}" dt="2023-02-15T18:12:16.911" v="1313" actId="120"/>
          <ac:graphicFrameMkLst>
            <pc:docMk/>
            <pc:sldMk cId="2560409470" sldId="2147469485"/>
            <ac:graphicFrameMk id="4" creationId="{F3AB156B-4675-CA69-20EE-18D2EE4307D3}"/>
          </ac:graphicFrameMkLst>
        </pc:graphicFrameChg>
      </pc:sldChg>
      <pc:sldChg chg="addSp modSp new mod ord">
        <pc:chgData name="Griffin, John" userId="bdb63092-507d-4fe1-bbef-63b7df779301" providerId="ADAL" clId="{DDD17A88-ECBF-4D7C-9029-B06FC5CD5158}" dt="2023-02-15T18:12:42.681" v="1315"/>
        <pc:sldMkLst>
          <pc:docMk/>
          <pc:sldMk cId="876791639" sldId="2147469486"/>
        </pc:sldMkLst>
        <pc:spChg chg="mod">
          <ac:chgData name="Griffin, John" userId="bdb63092-507d-4fe1-bbef-63b7df779301" providerId="ADAL" clId="{DDD17A88-ECBF-4D7C-9029-B06FC5CD5158}" dt="2023-02-15T18:02:46.014" v="1244" actId="313"/>
          <ac:spMkLst>
            <pc:docMk/>
            <pc:sldMk cId="876791639" sldId="2147469486"/>
            <ac:spMk id="2" creationId="{76B5E180-29AD-BCE2-7806-29D2EC6E153C}"/>
          </ac:spMkLst>
        </pc:spChg>
        <pc:picChg chg="add mod">
          <ac:chgData name="Griffin, John" userId="bdb63092-507d-4fe1-bbef-63b7df779301" providerId="ADAL" clId="{DDD17A88-ECBF-4D7C-9029-B06FC5CD5158}" dt="2023-02-15T18:02:04.556" v="1195" actId="1076"/>
          <ac:picMkLst>
            <pc:docMk/>
            <pc:sldMk cId="876791639" sldId="2147469486"/>
            <ac:picMk id="3" creationId="{09E7D6F0-D544-0E49-2D86-2C7CF7BFE9E5}"/>
          </ac:picMkLst>
        </pc:picChg>
      </pc:sldChg>
      <pc:sldChg chg="addSp delSp modSp add mod">
        <pc:chgData name="Griffin, John" userId="bdb63092-507d-4fe1-bbef-63b7df779301" providerId="ADAL" clId="{DDD17A88-ECBF-4D7C-9029-B06FC5CD5158}" dt="2023-02-15T18:39:54.476" v="2474" actId="166"/>
        <pc:sldMkLst>
          <pc:docMk/>
          <pc:sldMk cId="3071953759" sldId="2147469487"/>
        </pc:sldMkLst>
        <pc:spChg chg="mod">
          <ac:chgData name="Griffin, John" userId="bdb63092-507d-4fe1-bbef-63b7df779301" providerId="ADAL" clId="{DDD17A88-ECBF-4D7C-9029-B06FC5CD5158}" dt="2023-02-15T18:30:45.379" v="2280" actId="14100"/>
          <ac:spMkLst>
            <pc:docMk/>
            <pc:sldMk cId="3071953759" sldId="2147469487"/>
            <ac:spMk id="4" creationId="{D3C58B6A-5F34-4485-9973-9A660FB09C60}"/>
          </ac:spMkLst>
        </pc:spChg>
        <pc:spChg chg="mod">
          <ac:chgData name="Griffin, John" userId="bdb63092-507d-4fe1-bbef-63b7df779301" providerId="ADAL" clId="{DDD17A88-ECBF-4D7C-9029-B06FC5CD5158}" dt="2023-02-15T18:31:00.118" v="2287" actId="1038"/>
          <ac:spMkLst>
            <pc:docMk/>
            <pc:sldMk cId="3071953759" sldId="2147469487"/>
            <ac:spMk id="5" creationId="{0F87F62D-5BB9-4359-9EED-572193036968}"/>
          </ac:spMkLst>
        </pc:spChg>
        <pc:spChg chg="mod">
          <ac:chgData name="Griffin, John" userId="bdb63092-507d-4fe1-bbef-63b7df779301" providerId="ADAL" clId="{DDD17A88-ECBF-4D7C-9029-B06FC5CD5158}" dt="2023-02-15T18:39:15.075" v="2468" actId="1035"/>
          <ac:spMkLst>
            <pc:docMk/>
            <pc:sldMk cId="3071953759" sldId="2147469487"/>
            <ac:spMk id="6" creationId="{FEEDE28C-3623-4A2B-B808-50021B8F58F7}"/>
          </ac:spMkLst>
        </pc:spChg>
        <pc:spChg chg="mod">
          <ac:chgData name="Griffin, John" userId="bdb63092-507d-4fe1-bbef-63b7df779301" providerId="ADAL" clId="{DDD17A88-ECBF-4D7C-9029-B06FC5CD5158}" dt="2023-02-15T18:31:37.378" v="2294" actId="108"/>
          <ac:spMkLst>
            <pc:docMk/>
            <pc:sldMk cId="3071953759" sldId="2147469487"/>
            <ac:spMk id="7" creationId="{A5AE7185-A40C-4148-860D-A06408444F3C}"/>
          </ac:spMkLst>
        </pc:spChg>
        <pc:spChg chg="mod">
          <ac:chgData name="Griffin, John" userId="bdb63092-507d-4fe1-bbef-63b7df779301" providerId="ADAL" clId="{DDD17A88-ECBF-4D7C-9029-B06FC5CD5158}" dt="2023-02-15T18:31:36.846" v="2293" actId="108"/>
          <ac:spMkLst>
            <pc:docMk/>
            <pc:sldMk cId="3071953759" sldId="2147469487"/>
            <ac:spMk id="8" creationId="{505302C4-F26F-4112-9944-4A6E31D73BED}"/>
          </ac:spMkLst>
        </pc:spChg>
        <pc:spChg chg="add mod">
          <ac:chgData name="Griffin, John" userId="bdb63092-507d-4fe1-bbef-63b7df779301" providerId="ADAL" clId="{DDD17A88-ECBF-4D7C-9029-B06FC5CD5158}" dt="2023-02-15T18:38:42.266" v="2453" actId="20577"/>
          <ac:spMkLst>
            <pc:docMk/>
            <pc:sldMk cId="3071953759" sldId="2147469487"/>
            <ac:spMk id="11" creationId="{3CE56159-1AF5-5F95-0DEA-48C301C4D8D4}"/>
          </ac:spMkLst>
        </pc:spChg>
        <pc:spChg chg="mod">
          <ac:chgData name="Griffin, John" userId="bdb63092-507d-4fe1-bbef-63b7df779301" providerId="ADAL" clId="{DDD17A88-ECBF-4D7C-9029-B06FC5CD5158}" dt="2023-02-15T18:31:37.888" v="2295" actId="108"/>
          <ac:spMkLst>
            <pc:docMk/>
            <pc:sldMk cId="3071953759" sldId="2147469487"/>
            <ac:spMk id="12" creationId="{36A183F8-9B3E-4199-89FB-1CD25825D2BB}"/>
          </ac:spMkLst>
        </pc:spChg>
        <pc:spChg chg="mod">
          <ac:chgData name="Griffin, John" userId="bdb63092-507d-4fe1-bbef-63b7df779301" providerId="ADAL" clId="{DDD17A88-ECBF-4D7C-9029-B06FC5CD5158}" dt="2023-02-15T18:29:05.129" v="2264" actId="108"/>
          <ac:spMkLst>
            <pc:docMk/>
            <pc:sldMk cId="3071953759" sldId="2147469487"/>
            <ac:spMk id="17" creationId="{7051A87C-B608-4C1F-9E4F-04F01EBAC8F0}"/>
          </ac:spMkLst>
        </pc:spChg>
        <pc:spChg chg="mod">
          <ac:chgData name="Griffin, John" userId="bdb63092-507d-4fe1-bbef-63b7df779301" providerId="ADAL" clId="{DDD17A88-ECBF-4D7C-9029-B06FC5CD5158}" dt="2023-02-15T18:28:48.944" v="2260" actId="207"/>
          <ac:spMkLst>
            <pc:docMk/>
            <pc:sldMk cId="3071953759" sldId="2147469487"/>
            <ac:spMk id="18" creationId="{1667B6E9-B7D8-4DAC-AEC8-8391AA9AA112}"/>
          </ac:spMkLst>
        </pc:spChg>
        <pc:spChg chg="mod">
          <ac:chgData name="Griffin, John" userId="bdb63092-507d-4fe1-bbef-63b7df779301" providerId="ADAL" clId="{DDD17A88-ECBF-4D7C-9029-B06FC5CD5158}" dt="2023-02-15T18:29:04.235" v="2263" actId="108"/>
          <ac:spMkLst>
            <pc:docMk/>
            <pc:sldMk cId="3071953759" sldId="2147469487"/>
            <ac:spMk id="20" creationId="{1A424CE3-B43E-4441-A238-CB3850C9D302}"/>
          </ac:spMkLst>
        </pc:spChg>
        <pc:spChg chg="mod">
          <ac:chgData name="Griffin, John" userId="bdb63092-507d-4fe1-bbef-63b7df779301" providerId="ADAL" clId="{DDD17A88-ECBF-4D7C-9029-B06FC5CD5158}" dt="2023-02-15T18:29:02.201" v="2262" actId="108"/>
          <ac:spMkLst>
            <pc:docMk/>
            <pc:sldMk cId="3071953759" sldId="2147469487"/>
            <ac:spMk id="21" creationId="{01E63584-8874-42B0-97F3-05023DE0F6E0}"/>
          </ac:spMkLst>
        </pc:spChg>
        <pc:spChg chg="mod">
          <ac:chgData name="Griffin, John" userId="bdb63092-507d-4fe1-bbef-63b7df779301" providerId="ADAL" clId="{DDD17A88-ECBF-4D7C-9029-B06FC5CD5158}" dt="2023-02-15T18:29:41.187" v="2270" actId="108"/>
          <ac:spMkLst>
            <pc:docMk/>
            <pc:sldMk cId="3071953759" sldId="2147469487"/>
            <ac:spMk id="22" creationId="{DF665670-E2A0-4605-9504-3FE343B4D9A0}"/>
          </ac:spMkLst>
        </pc:spChg>
        <pc:spChg chg="mod">
          <ac:chgData name="Griffin, John" userId="bdb63092-507d-4fe1-bbef-63b7df779301" providerId="ADAL" clId="{DDD17A88-ECBF-4D7C-9029-B06FC5CD5158}" dt="2023-02-15T18:30:56.596" v="2284" actId="1076"/>
          <ac:spMkLst>
            <pc:docMk/>
            <pc:sldMk cId="3071953759" sldId="2147469487"/>
            <ac:spMk id="23" creationId="{FB7F5A43-8D08-4EE8-9111-6966D6039059}"/>
          </ac:spMkLst>
        </pc:spChg>
        <pc:spChg chg="add mod">
          <ac:chgData name="Griffin, John" userId="bdb63092-507d-4fe1-bbef-63b7df779301" providerId="ADAL" clId="{DDD17A88-ECBF-4D7C-9029-B06FC5CD5158}" dt="2023-02-15T18:32:55.916" v="2353" actId="1076"/>
          <ac:spMkLst>
            <pc:docMk/>
            <pc:sldMk cId="3071953759" sldId="2147469487"/>
            <ac:spMk id="24" creationId="{3A83BD54-5BB4-F668-85BF-832C4E2522E4}"/>
          </ac:spMkLst>
        </pc:spChg>
        <pc:spChg chg="add mod">
          <ac:chgData name="Griffin, John" userId="bdb63092-507d-4fe1-bbef-63b7df779301" providerId="ADAL" clId="{DDD17A88-ECBF-4D7C-9029-B06FC5CD5158}" dt="2023-02-15T18:33:51.683" v="2405" actId="108"/>
          <ac:spMkLst>
            <pc:docMk/>
            <pc:sldMk cId="3071953759" sldId="2147469487"/>
            <ac:spMk id="25" creationId="{CF5CD4FB-24F5-7C25-CBC8-3AADB24BD181}"/>
          </ac:spMkLst>
        </pc:spChg>
        <pc:spChg chg="add mod">
          <ac:chgData name="Griffin, John" userId="bdb63092-507d-4fe1-bbef-63b7df779301" providerId="ADAL" clId="{DDD17A88-ECBF-4D7C-9029-B06FC5CD5158}" dt="2023-02-15T18:33:44.442" v="2404" actId="108"/>
          <ac:spMkLst>
            <pc:docMk/>
            <pc:sldMk cId="3071953759" sldId="2147469487"/>
            <ac:spMk id="26" creationId="{3272AD71-715D-24A1-111A-9AE95230B739}"/>
          </ac:spMkLst>
        </pc:spChg>
        <pc:spChg chg="add del mod">
          <ac:chgData name="Griffin, John" userId="bdb63092-507d-4fe1-bbef-63b7df779301" providerId="ADAL" clId="{DDD17A88-ECBF-4D7C-9029-B06FC5CD5158}" dt="2023-02-15T18:34:24.538" v="2412" actId="478"/>
          <ac:spMkLst>
            <pc:docMk/>
            <pc:sldMk cId="3071953759" sldId="2147469487"/>
            <ac:spMk id="27" creationId="{5523C33B-61FA-2082-01DD-EC122EED9A76}"/>
          </ac:spMkLst>
        </pc:spChg>
        <pc:spChg chg="mod">
          <ac:chgData name="Griffin, John" userId="bdb63092-507d-4fe1-bbef-63b7df779301" providerId="ADAL" clId="{DDD17A88-ECBF-4D7C-9029-B06FC5CD5158}" dt="2023-02-15T18:29:37.482" v="2269" actId="108"/>
          <ac:spMkLst>
            <pc:docMk/>
            <pc:sldMk cId="3071953759" sldId="2147469487"/>
            <ac:spMk id="38" creationId="{E9939C64-B135-41E6-8E6A-56C1B1526C04}"/>
          </ac:spMkLst>
        </pc:spChg>
        <pc:spChg chg="mod">
          <ac:chgData name="Griffin, John" userId="bdb63092-507d-4fe1-bbef-63b7df779301" providerId="ADAL" clId="{DDD17A88-ECBF-4D7C-9029-B06FC5CD5158}" dt="2023-02-15T18:28:03.129" v="2259" actId="207"/>
          <ac:spMkLst>
            <pc:docMk/>
            <pc:sldMk cId="3071953759" sldId="2147469487"/>
            <ac:spMk id="39" creationId="{8F4F2E9B-1D65-4D0B-8C78-5E105A0CD52B}"/>
          </ac:spMkLst>
        </pc:spChg>
        <pc:spChg chg="mod ord">
          <ac:chgData name="Griffin, John" userId="bdb63092-507d-4fe1-bbef-63b7df779301" providerId="ADAL" clId="{DDD17A88-ECBF-4D7C-9029-B06FC5CD5158}" dt="2023-02-15T18:39:54.476" v="2474" actId="166"/>
          <ac:spMkLst>
            <pc:docMk/>
            <pc:sldMk cId="3071953759" sldId="2147469487"/>
            <ac:spMk id="67" creationId="{08590E39-9C8A-4311-93DF-FBE1F25653B2}"/>
          </ac:spMkLst>
        </pc:spChg>
        <pc:spChg chg="mod">
          <ac:chgData name="Griffin, John" userId="bdb63092-507d-4fe1-bbef-63b7df779301" providerId="ADAL" clId="{DDD17A88-ECBF-4D7C-9029-B06FC5CD5158}" dt="2023-02-15T18:39:05.035" v="2459" actId="14100"/>
          <ac:spMkLst>
            <pc:docMk/>
            <pc:sldMk cId="3071953759" sldId="2147469487"/>
            <ac:spMk id="72" creationId="{D0432547-1A0B-4678-896F-FD1821C7B8DE}"/>
          </ac:spMkLst>
        </pc:spChg>
        <pc:spChg chg="mod">
          <ac:chgData name="Griffin, John" userId="bdb63092-507d-4fe1-bbef-63b7df779301" providerId="ADAL" clId="{DDD17A88-ECBF-4D7C-9029-B06FC5CD5158}" dt="2023-02-15T18:29:05.977" v="2265" actId="108"/>
          <ac:spMkLst>
            <pc:docMk/>
            <pc:sldMk cId="3071953759" sldId="2147469487"/>
            <ac:spMk id="115" creationId="{5B1C03BD-6A61-4E19-96A2-91AA2E4C7804}"/>
          </ac:spMkLst>
        </pc:spChg>
        <pc:spChg chg="mod">
          <ac:chgData name="Griffin, John" userId="bdb63092-507d-4fe1-bbef-63b7df779301" providerId="ADAL" clId="{DDD17A88-ECBF-4D7C-9029-B06FC5CD5158}" dt="2023-02-15T18:39:09.158" v="2460" actId="14100"/>
          <ac:spMkLst>
            <pc:docMk/>
            <pc:sldMk cId="3071953759" sldId="2147469487"/>
            <ac:spMk id="116" creationId="{CAA54709-24FB-47AD-AA65-E2455AA9E72F}"/>
          </ac:spMkLst>
        </pc:spChg>
        <pc:spChg chg="mod">
          <ac:chgData name="Griffin, John" userId="bdb63092-507d-4fe1-bbef-63b7df779301" providerId="ADAL" clId="{DDD17A88-ECBF-4D7C-9029-B06FC5CD5158}" dt="2023-02-15T18:31:33.368" v="2290" actId="108"/>
          <ac:spMkLst>
            <pc:docMk/>
            <pc:sldMk cId="3071953759" sldId="2147469487"/>
            <ac:spMk id="119" creationId="{2D799242-06B4-4B7B-BEAC-5041D4A0B104}"/>
          </ac:spMkLst>
        </pc:spChg>
        <pc:spChg chg="mod">
          <ac:chgData name="Griffin, John" userId="bdb63092-507d-4fe1-bbef-63b7df779301" providerId="ADAL" clId="{DDD17A88-ECBF-4D7C-9029-B06FC5CD5158}" dt="2023-02-15T18:28:55.071" v="2261" actId="108"/>
          <ac:spMkLst>
            <pc:docMk/>
            <pc:sldMk cId="3071953759" sldId="2147469487"/>
            <ac:spMk id="121" creationId="{0DF0D14E-6C7F-4714-8204-28C2E5CFD2E8}"/>
          </ac:spMkLst>
        </pc:spChg>
        <pc:spChg chg="add mod">
          <ac:chgData name="Griffin, John" userId="bdb63092-507d-4fe1-bbef-63b7df779301" providerId="ADAL" clId="{DDD17A88-ECBF-4D7C-9029-B06FC5CD5158}" dt="2023-02-15T18:38:59.326" v="2457" actId="1076"/>
          <ac:spMkLst>
            <pc:docMk/>
            <pc:sldMk cId="3071953759" sldId="2147469487"/>
            <ac:spMk id="232" creationId="{9EEC9183-D3C8-071A-44B1-633E48141999}"/>
          </ac:spMkLst>
        </pc:spChg>
        <pc:spChg chg="mod">
          <ac:chgData name="Griffin, John" userId="bdb63092-507d-4fe1-bbef-63b7df779301" providerId="ADAL" clId="{DDD17A88-ECBF-4D7C-9029-B06FC5CD5158}" dt="2023-02-15T18:29:20.094" v="2267" actId="108"/>
          <ac:spMkLst>
            <pc:docMk/>
            <pc:sldMk cId="3071953759" sldId="2147469487"/>
            <ac:spMk id="291" creationId="{93B98CE6-597D-4E81-A168-EF4D7F5BA76A}"/>
          </ac:spMkLst>
        </pc:spChg>
        <pc:spChg chg="mod">
          <ac:chgData name="Griffin, John" userId="bdb63092-507d-4fe1-bbef-63b7df779301" providerId="ADAL" clId="{DDD17A88-ECBF-4D7C-9029-B06FC5CD5158}" dt="2023-02-15T18:30:00.425" v="2271" actId="108"/>
          <ac:spMkLst>
            <pc:docMk/>
            <pc:sldMk cId="3071953759" sldId="2147469487"/>
            <ac:spMk id="343" creationId="{58D1B885-28AA-4298-8A00-A4F98264C0F7}"/>
          </ac:spMkLst>
        </pc:spChg>
        <pc:cxnChg chg="add del mod">
          <ac:chgData name="Griffin, John" userId="bdb63092-507d-4fe1-bbef-63b7df779301" providerId="ADAL" clId="{DDD17A88-ECBF-4D7C-9029-B06FC5CD5158}" dt="2023-02-15T18:35:26.754" v="2419" actId="478"/>
          <ac:cxnSpMkLst>
            <pc:docMk/>
            <pc:sldMk cId="3071953759" sldId="2147469487"/>
            <ac:cxnSpMk id="29" creationId="{430CC4B4-EC70-1854-8000-E22F62AB7B6E}"/>
          </ac:cxnSpMkLst>
        </pc:cxnChg>
        <pc:cxnChg chg="add del mod">
          <ac:chgData name="Griffin, John" userId="bdb63092-507d-4fe1-bbef-63b7df779301" providerId="ADAL" clId="{DDD17A88-ECBF-4D7C-9029-B06FC5CD5158}" dt="2023-02-15T18:36:26.153" v="2429" actId="478"/>
          <ac:cxnSpMkLst>
            <pc:docMk/>
            <pc:sldMk cId="3071953759" sldId="2147469487"/>
            <ac:cxnSpMk id="31" creationId="{307DFA3A-81C3-A2DB-190C-15D50C335CB0}"/>
          </ac:cxnSpMkLst>
        </pc:cxnChg>
        <pc:cxnChg chg="mod">
          <ac:chgData name="Griffin, John" userId="bdb63092-507d-4fe1-bbef-63b7df779301" providerId="ADAL" clId="{DDD17A88-ECBF-4D7C-9029-B06FC5CD5158}" dt="2023-02-15T18:30:45.379" v="2280" actId="14100"/>
          <ac:cxnSpMkLst>
            <pc:docMk/>
            <pc:sldMk cId="3071953759" sldId="2147469487"/>
            <ac:cxnSpMk id="32" creationId="{3E4BC078-9E95-4E41-8C5D-6468D0543A08}"/>
          </ac:cxnSpMkLst>
        </pc:cxnChg>
        <pc:cxnChg chg="mod">
          <ac:chgData name="Griffin, John" userId="bdb63092-507d-4fe1-bbef-63b7df779301" providerId="ADAL" clId="{DDD17A88-ECBF-4D7C-9029-B06FC5CD5158}" dt="2023-02-15T18:30:53.444" v="2283" actId="1038"/>
          <ac:cxnSpMkLst>
            <pc:docMk/>
            <pc:sldMk cId="3071953759" sldId="2147469487"/>
            <ac:cxnSpMk id="35" creationId="{DAFEC3FE-1865-480E-A59D-8D126480834B}"/>
          </ac:cxnSpMkLst>
        </pc:cxnChg>
        <pc:cxnChg chg="mod">
          <ac:chgData name="Griffin, John" userId="bdb63092-507d-4fe1-bbef-63b7df779301" providerId="ADAL" clId="{DDD17A88-ECBF-4D7C-9029-B06FC5CD5158}" dt="2023-02-15T18:39:05.035" v="2459" actId="14100"/>
          <ac:cxnSpMkLst>
            <pc:docMk/>
            <pc:sldMk cId="3071953759" sldId="2147469487"/>
            <ac:cxnSpMk id="73" creationId="{76CD2005-638F-4451-BA08-085C2AAC79E4}"/>
          </ac:cxnSpMkLst>
        </pc:cxnChg>
        <pc:cxnChg chg="mod">
          <ac:chgData name="Griffin, John" userId="bdb63092-507d-4fe1-bbef-63b7df779301" providerId="ADAL" clId="{DDD17A88-ECBF-4D7C-9029-B06FC5CD5158}" dt="2023-02-15T18:31:17.682" v="2288" actId="14100"/>
          <ac:cxnSpMkLst>
            <pc:docMk/>
            <pc:sldMk cId="3071953759" sldId="2147469487"/>
            <ac:cxnSpMk id="95" creationId="{402557A8-EADE-43AA-9B9C-9750DC9FCE44}"/>
          </ac:cxnSpMkLst>
        </pc:cxnChg>
        <pc:cxnChg chg="mod">
          <ac:chgData name="Griffin, John" userId="bdb63092-507d-4fe1-bbef-63b7df779301" providerId="ADAL" clId="{DDD17A88-ECBF-4D7C-9029-B06FC5CD5158}" dt="2023-02-15T18:39:22.295" v="2470" actId="14100"/>
          <ac:cxnSpMkLst>
            <pc:docMk/>
            <pc:sldMk cId="3071953759" sldId="2147469487"/>
            <ac:cxnSpMk id="97" creationId="{70E61177-4ABE-4E0A-8E9D-9FEE85CAE82A}"/>
          </ac:cxnSpMkLst>
        </pc:cxnChg>
        <pc:cxnChg chg="mod">
          <ac:chgData name="Griffin, John" userId="bdb63092-507d-4fe1-bbef-63b7df779301" providerId="ADAL" clId="{DDD17A88-ECBF-4D7C-9029-B06FC5CD5158}" dt="2023-02-15T18:39:27.375" v="2471" actId="1076"/>
          <ac:cxnSpMkLst>
            <pc:docMk/>
            <pc:sldMk cId="3071953759" sldId="2147469487"/>
            <ac:cxnSpMk id="117" creationId="{85D72147-F58E-436E-9F38-9DD8A060B9DD}"/>
          </ac:cxnSpMkLst>
        </pc:cxnChg>
        <pc:cxnChg chg="del mod">
          <ac:chgData name="Griffin, John" userId="bdb63092-507d-4fe1-bbef-63b7df779301" providerId="ADAL" clId="{DDD17A88-ECBF-4D7C-9029-B06FC5CD5158}" dt="2023-02-15T18:37:47.659" v="2436" actId="478"/>
          <ac:cxnSpMkLst>
            <pc:docMk/>
            <pc:sldMk cId="3071953759" sldId="2147469487"/>
            <ac:cxnSpMk id="145" creationId="{B8D42683-5451-4047-A5AF-BBB1109026F1}"/>
          </ac:cxnSpMkLst>
        </pc:cxnChg>
        <pc:cxnChg chg="mod">
          <ac:chgData name="Griffin, John" userId="bdb63092-507d-4fe1-bbef-63b7df779301" providerId="ADAL" clId="{DDD17A88-ECBF-4D7C-9029-B06FC5CD5158}" dt="2023-02-15T18:39:19.307" v="2469" actId="14100"/>
          <ac:cxnSpMkLst>
            <pc:docMk/>
            <pc:sldMk cId="3071953759" sldId="2147469487"/>
            <ac:cxnSpMk id="152" creationId="{516715C1-417D-44A5-B261-28CAC56AC475}"/>
          </ac:cxnSpMkLst>
        </pc:cxnChg>
        <pc:cxnChg chg="del mod">
          <ac:chgData name="Griffin, John" userId="bdb63092-507d-4fe1-bbef-63b7df779301" providerId="ADAL" clId="{DDD17A88-ECBF-4D7C-9029-B06FC5CD5158}" dt="2023-02-15T18:35:17.715" v="2417" actId="478"/>
          <ac:cxnSpMkLst>
            <pc:docMk/>
            <pc:sldMk cId="3071953759" sldId="2147469487"/>
            <ac:cxnSpMk id="192" creationId="{DD6E720C-5027-4559-9737-2867682C2D83}"/>
          </ac:cxnSpMkLst>
        </pc:cxnChg>
        <pc:cxnChg chg="del mod">
          <ac:chgData name="Griffin, John" userId="bdb63092-507d-4fe1-bbef-63b7df779301" providerId="ADAL" clId="{DDD17A88-ECBF-4D7C-9029-B06FC5CD5158}" dt="2023-02-15T18:37:37.739" v="2435" actId="478"/>
          <ac:cxnSpMkLst>
            <pc:docMk/>
            <pc:sldMk cId="3071953759" sldId="2147469487"/>
            <ac:cxnSpMk id="196" creationId="{1643899F-921E-44BD-948E-A005C6FF9535}"/>
          </ac:cxnSpMkLst>
        </pc:cxnChg>
        <pc:cxnChg chg="add mod">
          <ac:chgData name="Griffin, John" userId="bdb63092-507d-4fe1-bbef-63b7df779301" providerId="ADAL" clId="{DDD17A88-ECBF-4D7C-9029-B06FC5CD5158}" dt="2023-02-15T18:39:05.035" v="2459" actId="14100"/>
          <ac:cxnSpMkLst>
            <pc:docMk/>
            <pc:sldMk cId="3071953759" sldId="2147469487"/>
            <ac:cxnSpMk id="225" creationId="{BF80BBCA-5487-3DF7-4446-9C1AD57B4947}"/>
          </ac:cxnSpMkLst>
        </pc:cxnChg>
        <pc:cxnChg chg="add mod">
          <ac:chgData name="Griffin, John" userId="bdb63092-507d-4fe1-bbef-63b7df779301" providerId="ADAL" clId="{DDD17A88-ECBF-4D7C-9029-B06FC5CD5158}" dt="2023-02-15T18:39:33.742" v="2473" actId="1076"/>
          <ac:cxnSpMkLst>
            <pc:docMk/>
            <pc:sldMk cId="3071953759" sldId="2147469487"/>
            <ac:cxnSpMk id="240" creationId="{0CA84C92-0483-EFD4-1815-C6E77F479F95}"/>
          </ac:cxnSpMkLst>
        </pc:cxnChg>
        <pc:cxnChg chg="mod">
          <ac:chgData name="Griffin, John" userId="bdb63092-507d-4fe1-bbef-63b7df779301" providerId="ADAL" clId="{DDD17A88-ECBF-4D7C-9029-B06FC5CD5158}" dt="2023-02-15T18:37:52.605" v="2437" actId="14100"/>
          <ac:cxnSpMkLst>
            <pc:docMk/>
            <pc:sldMk cId="3071953759" sldId="2147469487"/>
            <ac:cxnSpMk id="247" creationId="{713BB612-46D0-45CB-8E8D-FD680CF05DD9}"/>
          </ac:cxnSpMkLst>
        </pc:cxnChg>
        <pc:cxnChg chg="del mod">
          <ac:chgData name="Griffin, John" userId="bdb63092-507d-4fe1-bbef-63b7df779301" providerId="ADAL" clId="{DDD17A88-ECBF-4D7C-9029-B06FC5CD5158}" dt="2023-02-15T18:34:47.635" v="2415" actId="478"/>
          <ac:cxnSpMkLst>
            <pc:docMk/>
            <pc:sldMk cId="3071953759" sldId="2147469487"/>
            <ac:cxnSpMk id="301" creationId="{7D25E1FD-4B72-4D46-A2AF-E65DBF59A637}"/>
          </ac:cxnSpMkLst>
        </pc:cxnChg>
        <pc:cxnChg chg="del mod">
          <ac:chgData name="Griffin, John" userId="bdb63092-507d-4fe1-bbef-63b7df779301" providerId="ADAL" clId="{DDD17A88-ECBF-4D7C-9029-B06FC5CD5158}" dt="2023-02-15T18:34:31.354" v="2413" actId="478"/>
          <ac:cxnSpMkLst>
            <pc:docMk/>
            <pc:sldMk cId="3071953759" sldId="2147469487"/>
            <ac:cxnSpMk id="310" creationId="{3F3F4232-06E4-489B-8522-7AF590B82266}"/>
          </ac:cxnSpMkLst>
        </pc:cxnChg>
      </pc:sldChg>
      <pc:sldMasterChg chg="modSldLayout">
        <pc:chgData name="Griffin, John" userId="bdb63092-507d-4fe1-bbef-63b7df779301" providerId="ADAL" clId="{DDD17A88-ECBF-4D7C-9029-B06FC5CD5158}" dt="2023-02-15T17:24:31.647" v="313"/>
        <pc:sldMasterMkLst>
          <pc:docMk/>
          <pc:sldMasterMk cId="1946059345" sldId="2147483681"/>
        </pc:sldMasterMkLst>
        <pc:sldLayoutChg chg="addSp delSp">
          <pc:chgData name="Griffin, John" userId="bdb63092-507d-4fe1-bbef-63b7df779301" providerId="ADAL" clId="{DDD17A88-ECBF-4D7C-9029-B06FC5CD5158}" dt="2023-02-15T17:24:31.647" v="313"/>
          <pc:sldLayoutMkLst>
            <pc:docMk/>
            <pc:sldMasterMk cId="1946059345" sldId="2147483681"/>
            <pc:sldLayoutMk cId="1543951092" sldId="2147483700"/>
          </pc:sldLayoutMkLst>
          <pc:spChg chg="add del">
            <ac:chgData name="Griffin, John" userId="bdb63092-507d-4fe1-bbef-63b7df779301" providerId="ADAL" clId="{DDD17A88-ECBF-4D7C-9029-B06FC5CD5158}" dt="2023-02-15T17:24:31.647" v="313"/>
            <ac:spMkLst>
              <pc:docMk/>
              <pc:sldMasterMk cId="1946059345" sldId="2147483681"/>
              <pc:sldLayoutMk cId="1543951092" sldId="2147483700"/>
              <ac:spMk id="9" creationId="{F5902C4D-6221-4E36-A2F9-055DD2942060}"/>
            </ac:spMkLst>
          </pc:spChg>
        </pc:sldLayoutChg>
      </pc:sldMasterChg>
    </pc:docChg>
  </pc:docChgLst>
  <pc:docChgLst>
    <pc:chgData name="Dimitrios Markou" userId="S::dimitrios.markou_ericsson.com#ext#@intel.onmicrosoft.com::fd2b1209-3582-44e3-99a0-87b0e5b9367d" providerId="AD" clId="Web-{8E90CC75-6194-8AB8-1699-EF368924DACA}"/>
    <pc:docChg chg="modSld">
      <pc:chgData name="Dimitrios Markou" userId="S::dimitrios.markou_ericsson.com#ext#@intel.onmicrosoft.com::fd2b1209-3582-44e3-99a0-87b0e5b9367d" providerId="AD" clId="Web-{8E90CC75-6194-8AB8-1699-EF368924DACA}" dt="2023-04-05T15:38:12.239" v="207" actId="20577"/>
      <pc:docMkLst>
        <pc:docMk/>
      </pc:docMkLst>
      <pc:sldChg chg="addSp delSp modSp mod modClrScheme chgLayout">
        <pc:chgData name="Dimitrios Markou" userId="S::dimitrios.markou_ericsson.com#ext#@intel.onmicrosoft.com::fd2b1209-3582-44e3-99a0-87b0e5b9367d" providerId="AD" clId="Web-{8E90CC75-6194-8AB8-1699-EF368924DACA}" dt="2023-04-05T15:38:12.239" v="207" actId="20577"/>
        <pc:sldMkLst>
          <pc:docMk/>
          <pc:sldMk cId="683261306" sldId="2147469490"/>
        </pc:sldMkLst>
        <pc:spChg chg="add mod">
          <ac:chgData name="Dimitrios Markou" userId="S::dimitrios.markou_ericsson.com#ext#@intel.onmicrosoft.com::fd2b1209-3582-44e3-99a0-87b0e5b9367d" providerId="AD" clId="Web-{8E90CC75-6194-8AB8-1699-EF368924DACA}" dt="2023-04-05T15:32:14.731" v="6" actId="20577"/>
          <ac:spMkLst>
            <pc:docMk/>
            <pc:sldMk cId="683261306" sldId="2147469490"/>
            <ac:spMk id="2" creationId="{E8FC1479-9482-66BD-F1CE-0B1C82DC828C}"/>
          </ac:spMkLst>
        </pc:spChg>
        <pc:spChg chg="add mod">
          <ac:chgData name="Dimitrios Markou" userId="S::dimitrios.markou_ericsson.com#ext#@intel.onmicrosoft.com::fd2b1209-3582-44e3-99a0-87b0e5b9367d" providerId="AD" clId="Web-{8E90CC75-6194-8AB8-1699-EF368924DACA}" dt="2023-04-05T15:38:12.239" v="207" actId="20577"/>
          <ac:spMkLst>
            <pc:docMk/>
            <pc:sldMk cId="683261306" sldId="2147469490"/>
            <ac:spMk id="3" creationId="{9117D880-600B-C224-77D4-46B227FE0FCB}"/>
          </ac:spMkLst>
        </pc:spChg>
        <pc:spChg chg="add del">
          <ac:chgData name="Dimitrios Markou" userId="S::dimitrios.markou_ericsson.com#ext#@intel.onmicrosoft.com::fd2b1209-3582-44e3-99a0-87b0e5b9367d" providerId="AD" clId="Web-{8E90CC75-6194-8AB8-1699-EF368924DACA}" dt="2023-04-05T15:33:10.138" v="33"/>
          <ac:spMkLst>
            <pc:docMk/>
            <pc:sldMk cId="683261306" sldId="2147469490"/>
            <ac:spMk id="5" creationId="{64E94797-546E-7489-BE4D-C32260AC6072}"/>
          </ac:spMkLst>
        </pc:spChg>
      </pc:sldChg>
    </pc:docChg>
  </pc:docChgLst>
  <pc:docChgLst>
    <pc:chgData name="Dimitrios Markou" userId="S::dimitrios.markou_ericsson.com#ext#@intel.onmicrosoft.com::fd2b1209-3582-44e3-99a0-87b0e5b9367d" providerId="AD" clId="Web-{AB4CFDC7-6CDC-286E-8632-1370EF686B63}"/>
    <pc:docChg chg="addSld">
      <pc:chgData name="Dimitrios Markou" userId="S::dimitrios.markou_ericsson.com#ext#@intel.onmicrosoft.com::fd2b1209-3582-44e3-99a0-87b0e5b9367d" providerId="AD" clId="Web-{AB4CFDC7-6CDC-286E-8632-1370EF686B63}" dt="2023-04-28T14:46:18.754" v="0"/>
      <pc:docMkLst>
        <pc:docMk/>
      </pc:docMkLst>
      <pc:sldChg chg="add replId">
        <pc:chgData name="Dimitrios Markou" userId="S::dimitrios.markou_ericsson.com#ext#@intel.onmicrosoft.com::fd2b1209-3582-44e3-99a0-87b0e5b9367d" providerId="AD" clId="Web-{AB4CFDC7-6CDC-286E-8632-1370EF686B63}" dt="2023-04-28T14:46:18.754" v="0"/>
        <pc:sldMkLst>
          <pc:docMk/>
          <pc:sldMk cId="322511853" sldId="2147469495"/>
        </pc:sldMkLst>
      </pc:sldChg>
    </pc:docChg>
  </pc:docChgLst>
  <pc:docChgLst>
    <pc:chgData name="Dimitrios Markou" userId="S::dimitrios.markou_ericsson.com#ext#@intel.onmicrosoft.com::fd2b1209-3582-44e3-99a0-87b0e5b9367d" providerId="AD" clId="Web-{9B9C0224-BD3E-CB02-2729-64E0A0FAAE2E}"/>
    <pc:docChg chg="addSld delSld modSld sldOrd">
      <pc:chgData name="Dimitrios Markou" userId="S::dimitrios.markou_ericsson.com#ext#@intel.onmicrosoft.com::fd2b1209-3582-44e3-99a0-87b0e5b9367d" providerId="AD" clId="Web-{9B9C0224-BD3E-CB02-2729-64E0A0FAAE2E}" dt="2023-07-19T06:50:29.768" v="185"/>
      <pc:docMkLst>
        <pc:docMk/>
      </pc:docMkLst>
      <pc:sldChg chg="modSp">
        <pc:chgData name="Dimitrios Markou" userId="S::dimitrios.markou_ericsson.com#ext#@intel.onmicrosoft.com::fd2b1209-3582-44e3-99a0-87b0e5b9367d" providerId="AD" clId="Web-{9B9C0224-BD3E-CB02-2729-64E0A0FAAE2E}" dt="2023-07-17T13:46:54.582" v="19" actId="20577"/>
        <pc:sldMkLst>
          <pc:docMk/>
          <pc:sldMk cId="0" sldId="256"/>
        </pc:sldMkLst>
        <pc:spChg chg="mod">
          <ac:chgData name="Dimitrios Markou" userId="S::dimitrios.markou_ericsson.com#ext#@intel.onmicrosoft.com::fd2b1209-3582-44e3-99a0-87b0e5b9367d" providerId="AD" clId="Web-{9B9C0224-BD3E-CB02-2729-64E0A0FAAE2E}" dt="2023-07-17T13:46:54.582" v="19" actId="20577"/>
          <ac:spMkLst>
            <pc:docMk/>
            <pc:sldMk cId="0" sldId="256"/>
            <ac:spMk id="6" creationId="{AD08FC6A-E318-4CBE-82E1-B6485388FCA0}"/>
          </ac:spMkLst>
        </pc:spChg>
        <pc:spChg chg="mod">
          <ac:chgData name="Dimitrios Markou" userId="S::dimitrios.markou_ericsson.com#ext#@intel.onmicrosoft.com::fd2b1209-3582-44e3-99a0-87b0e5b9367d" providerId="AD" clId="Web-{9B9C0224-BD3E-CB02-2729-64E0A0FAAE2E}" dt="2023-07-17T13:32:52.554" v="6" actId="20577"/>
          <ac:spMkLst>
            <pc:docMk/>
            <pc:sldMk cId="0" sldId="256"/>
            <ac:spMk id="349" creationId="{00000000-0000-0000-0000-000000000000}"/>
          </ac:spMkLst>
        </pc:spChg>
      </pc:sldChg>
      <pc:sldChg chg="modSp">
        <pc:chgData name="Dimitrios Markou" userId="S::dimitrios.markou_ericsson.com#ext#@intel.onmicrosoft.com::fd2b1209-3582-44e3-99a0-87b0e5b9367d" providerId="AD" clId="Web-{9B9C0224-BD3E-CB02-2729-64E0A0FAAE2E}" dt="2023-07-17T14:10:54.234" v="24" actId="14100"/>
        <pc:sldMkLst>
          <pc:docMk/>
          <pc:sldMk cId="2265169015" sldId="2147375710"/>
        </pc:sldMkLst>
        <pc:spChg chg="mod">
          <ac:chgData name="Dimitrios Markou" userId="S::dimitrios.markou_ericsson.com#ext#@intel.onmicrosoft.com::fd2b1209-3582-44e3-99a0-87b0e5b9367d" providerId="AD" clId="Web-{9B9C0224-BD3E-CB02-2729-64E0A0FAAE2E}" dt="2023-07-17T14:10:54.234" v="24" actId="14100"/>
          <ac:spMkLst>
            <pc:docMk/>
            <pc:sldMk cId="2265169015" sldId="2147375710"/>
            <ac:spMk id="40" creationId="{DA35DF4A-1862-4DF9-9CCA-26B94CF6AA16}"/>
          </ac:spMkLst>
        </pc:spChg>
        <pc:spChg chg="mod">
          <ac:chgData name="Dimitrios Markou" userId="S::dimitrios.markou_ericsson.com#ext#@intel.onmicrosoft.com::fd2b1209-3582-44e3-99a0-87b0e5b9367d" providerId="AD" clId="Web-{9B9C0224-BD3E-CB02-2729-64E0A0FAAE2E}" dt="2023-07-17T14:10:50.968" v="23" actId="14100"/>
          <ac:spMkLst>
            <pc:docMk/>
            <pc:sldMk cId="2265169015" sldId="2147375710"/>
            <ac:spMk id="45" creationId="{1BA1A31B-233B-4256-8C78-11F2ABECE271}"/>
          </ac:spMkLst>
        </pc:spChg>
        <pc:picChg chg="mod">
          <ac:chgData name="Dimitrios Markou" userId="S::dimitrios.markou_ericsson.com#ext#@intel.onmicrosoft.com::fd2b1209-3582-44e3-99a0-87b0e5b9367d" providerId="AD" clId="Web-{9B9C0224-BD3E-CB02-2729-64E0A0FAAE2E}" dt="2023-07-17T14:10:36.343" v="21" actId="14100"/>
          <ac:picMkLst>
            <pc:docMk/>
            <pc:sldMk cId="2265169015" sldId="2147375710"/>
            <ac:picMk id="51" creationId="{6F9584E5-22A7-4B54-A6D8-7EAB9A98D757}"/>
          </ac:picMkLst>
        </pc:picChg>
      </pc:sldChg>
      <pc:sldChg chg="mod ord modShow">
        <pc:chgData name="Dimitrios Markou" userId="S::dimitrios.markou_ericsson.com#ext#@intel.onmicrosoft.com::fd2b1209-3582-44e3-99a0-87b0e5b9367d" providerId="AD" clId="Web-{9B9C0224-BD3E-CB02-2729-64E0A0FAAE2E}" dt="2023-07-17T13:40:51.929" v="13"/>
        <pc:sldMkLst>
          <pc:docMk/>
          <pc:sldMk cId="3071953759" sldId="2147469487"/>
        </pc:sldMkLst>
      </pc:sldChg>
      <pc:sldChg chg="mod ord modShow">
        <pc:chgData name="Dimitrios Markou" userId="S::dimitrios.markou_ericsson.com#ext#@intel.onmicrosoft.com::fd2b1209-3582-44e3-99a0-87b0e5b9367d" providerId="AD" clId="Web-{9B9C0224-BD3E-CB02-2729-64E0A0FAAE2E}" dt="2023-07-17T14:10:07.436" v="20"/>
        <pc:sldMkLst>
          <pc:docMk/>
          <pc:sldMk cId="683261306" sldId="2147469490"/>
        </pc:sldMkLst>
      </pc:sldChg>
      <pc:sldChg chg="mod ord modShow">
        <pc:chgData name="Dimitrios Markou" userId="S::dimitrios.markou_ericsson.com#ext#@intel.onmicrosoft.com::fd2b1209-3582-44e3-99a0-87b0e5b9367d" providerId="AD" clId="Web-{9B9C0224-BD3E-CB02-2729-64E0A0FAAE2E}" dt="2023-07-17T13:41:02.758" v="15"/>
        <pc:sldMkLst>
          <pc:docMk/>
          <pc:sldMk cId="3870151980" sldId="2147469493"/>
        </pc:sldMkLst>
      </pc:sldChg>
      <pc:sldChg chg="mod ord modShow">
        <pc:chgData name="Dimitrios Markou" userId="S::dimitrios.markou_ericsson.com#ext#@intel.onmicrosoft.com::fd2b1209-3582-44e3-99a0-87b0e5b9367d" providerId="AD" clId="Web-{9B9C0224-BD3E-CB02-2729-64E0A0FAAE2E}" dt="2023-07-17T13:41:15.899" v="17"/>
        <pc:sldMkLst>
          <pc:docMk/>
          <pc:sldMk cId="841192851" sldId="2147469494"/>
        </pc:sldMkLst>
      </pc:sldChg>
      <pc:sldChg chg="mod ord modShow">
        <pc:chgData name="Dimitrios Markou" userId="S::dimitrios.markou_ericsson.com#ext#@intel.onmicrosoft.com::fd2b1209-3582-44e3-99a0-87b0e5b9367d" providerId="AD" clId="Web-{9B9C0224-BD3E-CB02-2729-64E0A0FAAE2E}" dt="2023-07-17T13:40:41.585" v="12"/>
        <pc:sldMkLst>
          <pc:docMk/>
          <pc:sldMk cId="3767371718" sldId="2147469496"/>
        </pc:sldMkLst>
      </pc:sldChg>
      <pc:sldChg chg="add">
        <pc:chgData name="Dimitrios Markou" userId="S::dimitrios.markou_ericsson.com#ext#@intel.onmicrosoft.com::fd2b1209-3582-44e3-99a0-87b0e5b9367d" providerId="AD" clId="Web-{9B9C0224-BD3E-CB02-2729-64E0A0FAAE2E}" dt="2023-07-17T13:38:17.987" v="8"/>
        <pc:sldMkLst>
          <pc:docMk/>
          <pc:sldMk cId="3199325313" sldId="2147469497"/>
        </pc:sldMkLst>
      </pc:sldChg>
      <pc:sldChg chg="modSp add">
        <pc:chgData name="Dimitrios Markou" userId="S::dimitrios.markou_ericsson.com#ext#@intel.onmicrosoft.com::fd2b1209-3582-44e3-99a0-87b0e5b9367d" providerId="AD" clId="Web-{9B9C0224-BD3E-CB02-2729-64E0A0FAAE2E}" dt="2023-07-17T15:37:19.832" v="29" actId="20577"/>
        <pc:sldMkLst>
          <pc:docMk/>
          <pc:sldMk cId="1743331878" sldId="2147469498"/>
        </pc:sldMkLst>
        <pc:spChg chg="mod">
          <ac:chgData name="Dimitrios Markou" userId="S::dimitrios.markou_ericsson.com#ext#@intel.onmicrosoft.com::fd2b1209-3582-44e3-99a0-87b0e5b9367d" providerId="AD" clId="Web-{9B9C0224-BD3E-CB02-2729-64E0A0FAAE2E}" dt="2023-07-17T15:37:13.722" v="27" actId="20577"/>
          <ac:spMkLst>
            <pc:docMk/>
            <pc:sldMk cId="1743331878" sldId="2147469498"/>
            <ac:spMk id="42" creationId="{F2DF1049-5B4B-499C-BCA1-4F692D3C3AC7}"/>
          </ac:spMkLst>
        </pc:spChg>
        <pc:spChg chg="mod">
          <ac:chgData name="Dimitrios Markou" userId="S::dimitrios.markou_ericsson.com#ext#@intel.onmicrosoft.com::fd2b1209-3582-44e3-99a0-87b0e5b9367d" providerId="AD" clId="Web-{9B9C0224-BD3E-CB02-2729-64E0A0FAAE2E}" dt="2023-07-17T15:37:19.832" v="29" actId="20577"/>
          <ac:spMkLst>
            <pc:docMk/>
            <pc:sldMk cId="1743331878" sldId="2147469498"/>
            <ac:spMk id="51" creationId="{89F4346E-C0B5-4939-8762-9FCF40986F2B}"/>
          </ac:spMkLst>
        </pc:spChg>
      </pc:sldChg>
      <pc:sldChg chg="modSp new del">
        <pc:chgData name="Dimitrios Markou" userId="S::dimitrios.markou_ericsson.com#ext#@intel.onmicrosoft.com::fd2b1209-3582-44e3-99a0-87b0e5b9367d" providerId="AD" clId="Web-{9B9C0224-BD3E-CB02-2729-64E0A0FAAE2E}" dt="2023-07-19T06:50:29.768" v="185"/>
        <pc:sldMkLst>
          <pc:docMk/>
          <pc:sldMk cId="3642068081" sldId="2147469499"/>
        </pc:sldMkLst>
        <pc:spChg chg="mod">
          <ac:chgData name="Dimitrios Markou" userId="S::dimitrios.markou_ericsson.com#ext#@intel.onmicrosoft.com::fd2b1209-3582-44e3-99a0-87b0e5b9367d" providerId="AD" clId="Web-{9B9C0224-BD3E-CB02-2729-64E0A0FAAE2E}" dt="2023-07-19T06:46:40.894" v="36" actId="20577"/>
          <ac:spMkLst>
            <pc:docMk/>
            <pc:sldMk cId="3642068081" sldId="2147469499"/>
            <ac:spMk id="2" creationId="{EA2B0B04-2625-A171-DD59-7CEC52355A50}"/>
          </ac:spMkLst>
        </pc:spChg>
        <pc:spChg chg="mod">
          <ac:chgData name="Dimitrios Markou" userId="S::dimitrios.markou_ericsson.com#ext#@intel.onmicrosoft.com::fd2b1209-3582-44e3-99a0-87b0e5b9367d" providerId="AD" clId="Web-{9B9C0224-BD3E-CB02-2729-64E0A0FAAE2E}" dt="2023-07-19T06:50:27.393" v="184" actId="20577"/>
          <ac:spMkLst>
            <pc:docMk/>
            <pc:sldMk cId="3642068081" sldId="2147469499"/>
            <ac:spMk id="3" creationId="{F8C63C42-296F-8A73-3EF1-213E5B358137}"/>
          </ac:spMkLst>
        </pc:spChg>
      </pc:sldChg>
    </pc:docChg>
  </pc:docChgLst>
  <pc:docChgLst>
    <pc:chgData name="Dimitrios Markou" userId="S::dimitrios.markou_ericsson.com#ext#@intel.onmicrosoft.com::fd2b1209-3582-44e3-99a0-87b0e5b9367d" providerId="AD" clId="Web-{D92B7776-F5E1-8FE0-E2DD-2CC9CDA13D60}"/>
    <pc:docChg chg="addSld modSld">
      <pc:chgData name="Dimitrios Markou" userId="S::dimitrios.markou_ericsson.com#ext#@intel.onmicrosoft.com::fd2b1209-3582-44e3-99a0-87b0e5b9367d" providerId="AD" clId="Web-{D92B7776-F5E1-8FE0-E2DD-2CC9CDA13D60}" dt="2023-04-26T13:15:44.207" v="334" actId="20577"/>
      <pc:docMkLst>
        <pc:docMk/>
      </pc:docMkLst>
      <pc:sldChg chg="addSp delSp modSp">
        <pc:chgData name="Dimitrios Markou" userId="S::dimitrios.markou_ericsson.com#ext#@intel.onmicrosoft.com::fd2b1209-3582-44e3-99a0-87b0e5b9367d" providerId="AD" clId="Web-{D92B7776-F5E1-8FE0-E2DD-2CC9CDA13D60}" dt="2023-04-26T13:15:44.207" v="334" actId="20577"/>
        <pc:sldMkLst>
          <pc:docMk/>
          <pc:sldMk cId="3870151980" sldId="2147469493"/>
        </pc:sldMkLst>
        <pc:spChg chg="add mod">
          <ac:chgData name="Dimitrios Markou" userId="S::dimitrios.markou_ericsson.com#ext#@intel.onmicrosoft.com::fd2b1209-3582-44e3-99a0-87b0e5b9367d" providerId="AD" clId="Web-{D92B7776-F5E1-8FE0-E2DD-2CC9CDA13D60}" dt="2023-04-26T12:39:13.453" v="113" actId="1076"/>
          <ac:spMkLst>
            <pc:docMk/>
            <pc:sldMk cId="3870151980" sldId="2147469493"/>
            <ac:spMk id="3" creationId="{9B16182E-2758-712E-81DE-C59FB693083C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2:38:51.375" v="109" actId="1076"/>
          <ac:spMkLst>
            <pc:docMk/>
            <pc:sldMk cId="3870151980" sldId="2147469493"/>
            <ac:spMk id="4" creationId="{44E130A2-6A5E-1B4B-ED41-3030A9C90148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2:38:19.577" v="103" actId="1076"/>
          <ac:spMkLst>
            <pc:docMk/>
            <pc:sldMk cId="3870151980" sldId="2147469493"/>
            <ac:spMk id="5" creationId="{017032F0-0072-C683-B2E7-CE5335C7DB44}"/>
          </ac:spMkLst>
        </pc:spChg>
        <pc:spChg chg="add del">
          <ac:chgData name="Dimitrios Markou" userId="S::dimitrios.markou_ericsson.com#ext#@intel.onmicrosoft.com::fd2b1209-3582-44e3-99a0-87b0e5b9367d" providerId="AD" clId="Web-{D92B7776-F5E1-8FE0-E2DD-2CC9CDA13D60}" dt="2023-04-26T12:34:36.728" v="53"/>
          <ac:spMkLst>
            <pc:docMk/>
            <pc:sldMk cId="3870151980" sldId="2147469493"/>
            <ac:spMk id="6" creationId="{509F8BBC-F3FD-BE6F-5486-0BC9243320A9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40:21.611" v="121" actId="1076"/>
          <ac:spMkLst>
            <pc:docMk/>
            <pc:sldMk cId="3870151980" sldId="2147469493"/>
            <ac:spMk id="9" creationId="{9EEF3D8D-33BB-EDCF-79EA-926D58DF4602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2:35:28.527" v="73" actId="20577"/>
          <ac:spMkLst>
            <pc:docMk/>
            <pc:sldMk cId="3870151980" sldId="2147469493"/>
            <ac:spMk id="10" creationId="{2329DA2F-F4F1-D6F2-DC41-E13E30595BC5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22:28.649" v="0" actId="1076"/>
          <ac:spMkLst>
            <pc:docMk/>
            <pc:sldMk cId="3870151980" sldId="2147469493"/>
            <ac:spMk id="18" creationId="{1667B6E9-B7D8-4DAC-AEC8-8391AA9AA112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23:26.401" v="11" actId="14100"/>
          <ac:spMkLst>
            <pc:docMk/>
            <pc:sldMk cId="3870151980" sldId="2147469493"/>
            <ac:spMk id="19" creationId="{06599F55-ACE7-45C0-9F84-A307E98E611F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22:58.744" v="6" actId="14100"/>
          <ac:spMkLst>
            <pc:docMk/>
            <pc:sldMk cId="3870151980" sldId="2147469493"/>
            <ac:spMk id="23" creationId="{FB7F5A43-8D08-4EE8-9111-6966D6039059}"/>
          </ac:spMkLst>
        </pc:spChg>
        <pc:spChg chg="add del mod">
          <ac:chgData name="Dimitrios Markou" userId="S::dimitrios.markou_ericsson.com#ext#@intel.onmicrosoft.com::fd2b1209-3582-44e3-99a0-87b0e5b9367d" providerId="AD" clId="Web-{D92B7776-F5E1-8FE0-E2DD-2CC9CDA13D60}" dt="2023-04-26T12:47:47.809" v="158"/>
          <ac:spMkLst>
            <pc:docMk/>
            <pc:sldMk cId="3870151980" sldId="2147469493"/>
            <ac:spMk id="28" creationId="{7C378606-4633-E75F-29A7-5245B95D3E20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14:40.112" v="324" actId="1076"/>
          <ac:spMkLst>
            <pc:docMk/>
            <pc:sldMk cId="3870151980" sldId="2147469493"/>
            <ac:spMk id="29" creationId="{75B54EE8-23D7-ADCD-241C-B08BD731F3F5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0:17.576" v="242" actId="1076"/>
          <ac:spMkLst>
            <pc:docMk/>
            <pc:sldMk cId="3870151980" sldId="2147469493"/>
            <ac:spMk id="30" creationId="{06C164A6-F856-8A5C-6295-59E93983C115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23:14.260" v="8" actId="1076"/>
          <ac:spMkLst>
            <pc:docMk/>
            <pc:sldMk cId="3870151980" sldId="2147469493"/>
            <ac:spMk id="31" creationId="{59E25066-7C74-FBBD-53DC-E8A1A73BD496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0:23.045" v="244" actId="1076"/>
          <ac:spMkLst>
            <pc:docMk/>
            <pc:sldMk cId="3870151980" sldId="2147469493"/>
            <ac:spMk id="32" creationId="{E2C25278-D319-5B03-8E6C-0C1BD6A91A0E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1:27.968" v="273" actId="1076"/>
          <ac:spMkLst>
            <pc:docMk/>
            <pc:sldMk cId="3870151980" sldId="2147469493"/>
            <ac:spMk id="33" creationId="{D88C3C38-9BBD-5BC7-FCE4-A10E6B626672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0:57.827" v="263" actId="1076"/>
          <ac:spMkLst>
            <pc:docMk/>
            <pc:sldMk cId="3870151980" sldId="2147469493"/>
            <ac:spMk id="34" creationId="{E93EE00D-457F-26AB-2102-5CE11C7B050C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1:18.515" v="271" actId="1076"/>
          <ac:spMkLst>
            <pc:docMk/>
            <pc:sldMk cId="3870151980" sldId="2147469493"/>
            <ac:spMk id="35" creationId="{8D4C4873-52E6-0E34-1FD2-87E78D87CE1F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1:15.734" v="270" actId="1076"/>
          <ac:spMkLst>
            <pc:docMk/>
            <pc:sldMk cId="3870151980" sldId="2147469493"/>
            <ac:spMk id="36" creationId="{B500B307-3B96-5405-8FA5-D98CD6C42866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1:42.656" v="275" actId="1076"/>
          <ac:spMkLst>
            <pc:docMk/>
            <pc:sldMk cId="3870151980" sldId="2147469493"/>
            <ac:spMk id="37" creationId="{2B84D519-181B-5311-7D67-92F780C5F3BA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1:48.266" v="277" actId="1076"/>
          <ac:spMkLst>
            <pc:docMk/>
            <pc:sldMk cId="3870151980" sldId="2147469493"/>
            <ac:spMk id="38" creationId="{1846014D-BF12-3635-D912-9555F11F8976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3:15:22.206" v="331" actId="14100"/>
          <ac:spMkLst>
            <pc:docMk/>
            <pc:sldMk cId="3870151980" sldId="2147469493"/>
            <ac:spMk id="39" creationId="{8F4F2E9B-1D65-4D0B-8C78-5E105A0CD52B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15:44.207" v="334" actId="20577"/>
          <ac:spMkLst>
            <pc:docMk/>
            <pc:sldMk cId="3870151980" sldId="2147469493"/>
            <ac:spMk id="41" creationId="{32DC0C16-5C84-A14C-2F73-E794422530E8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23:31.948" v="12" actId="14100"/>
          <ac:spMkLst>
            <pc:docMk/>
            <pc:sldMk cId="3870151980" sldId="2147469493"/>
            <ac:spMk id="116" creationId="{CAA54709-24FB-47AD-AA65-E2455AA9E72F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22:54.416" v="5" actId="1076"/>
          <ac:spMkLst>
            <pc:docMk/>
            <pc:sldMk cId="3870151980" sldId="2147469493"/>
            <ac:spMk id="343" creationId="{58D1B885-28AA-4298-8A00-A4F98264C0F7}"/>
          </ac:spMkLst>
        </pc:spChg>
        <pc:cxnChg chg="add del mod">
          <ac:chgData name="Dimitrios Markou" userId="S::dimitrios.markou_ericsson.com#ext#@intel.onmicrosoft.com::fd2b1209-3582-44e3-99a0-87b0e5b9367d" providerId="AD" clId="Web-{D92B7776-F5E1-8FE0-E2DD-2CC9CDA13D60}" dt="2023-04-26T12:35:58.621" v="77"/>
          <ac:cxnSpMkLst>
            <pc:docMk/>
            <pc:sldMk cId="3870151980" sldId="2147469493"/>
            <ac:cxnSpMk id="14" creationId="{BC214822-8ACC-E43E-2482-494E314D5986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23:18.838" v="9" actId="1076"/>
          <ac:cxnSpMkLst>
            <pc:docMk/>
            <pc:sldMk cId="3870151980" sldId="2147469493"/>
            <ac:cxnSpMk id="16" creationId="{80EB3160-F219-BF7D-FD12-29A3C6FCD798}"/>
          </ac:cxnSpMkLst>
        </pc:cxnChg>
        <pc:cxnChg chg="add mod">
          <ac:chgData name="Dimitrios Markou" userId="S::dimitrios.markou_ericsson.com#ext#@intel.onmicrosoft.com::fd2b1209-3582-44e3-99a0-87b0e5b9367d" providerId="AD" clId="Web-{D92B7776-F5E1-8FE0-E2DD-2CC9CDA13D60}" dt="2023-04-26T12:36:45.122" v="84"/>
          <ac:cxnSpMkLst>
            <pc:docMk/>
            <pc:sldMk cId="3870151980" sldId="2147469493"/>
            <ac:cxnSpMk id="17" creationId="{C4100724-04C0-ED28-9D83-EE18E99FE126}"/>
          </ac:cxnSpMkLst>
        </pc:cxnChg>
        <pc:cxnChg chg="add mod">
          <ac:chgData name="Dimitrios Markou" userId="S::dimitrios.markou_ericsson.com#ext#@intel.onmicrosoft.com::fd2b1209-3582-44e3-99a0-87b0e5b9367d" providerId="AD" clId="Web-{D92B7776-F5E1-8FE0-E2DD-2CC9CDA13D60}" dt="2023-04-26T12:39:24.954" v="114" actId="14100"/>
          <ac:cxnSpMkLst>
            <pc:docMk/>
            <pc:sldMk cId="3870151980" sldId="2147469493"/>
            <ac:cxnSpMk id="20" creationId="{1C4D978A-A98A-B6C9-B856-96BB5B990B95}"/>
          </ac:cxnSpMkLst>
        </pc:cxnChg>
        <pc:cxnChg chg="add mod">
          <ac:chgData name="Dimitrios Markou" userId="S::dimitrios.markou_ericsson.com#ext#@intel.onmicrosoft.com::fd2b1209-3582-44e3-99a0-87b0e5b9367d" providerId="AD" clId="Web-{D92B7776-F5E1-8FE0-E2DD-2CC9CDA13D60}" dt="2023-04-26T12:53:52.927" v="196" actId="14100"/>
          <ac:cxnSpMkLst>
            <pc:docMk/>
            <pc:sldMk cId="3870151980" sldId="2147469493"/>
            <ac:cxnSpMk id="21" creationId="{0B68975A-6E76-77FF-1CB0-1A0CF2ED64DF}"/>
          </ac:cxnSpMkLst>
        </pc:cxnChg>
        <pc:cxnChg chg="add mod">
          <ac:chgData name="Dimitrios Markou" userId="S::dimitrios.markou_ericsson.com#ext#@intel.onmicrosoft.com::fd2b1209-3582-44e3-99a0-87b0e5b9367d" providerId="AD" clId="Web-{D92B7776-F5E1-8FE0-E2DD-2CC9CDA13D60}" dt="2023-04-26T12:55:05.928" v="199" actId="14100"/>
          <ac:cxnSpMkLst>
            <pc:docMk/>
            <pc:sldMk cId="3870151980" sldId="2147469493"/>
            <ac:cxnSpMk id="22" creationId="{56A55091-344D-95D2-8789-6328D7942DD4}"/>
          </ac:cxnSpMkLst>
        </pc:cxnChg>
        <pc:cxnChg chg="add mod">
          <ac:chgData name="Dimitrios Markou" userId="S::dimitrios.markou_ericsson.com#ext#@intel.onmicrosoft.com::fd2b1209-3582-44e3-99a0-87b0e5b9367d" providerId="AD" clId="Web-{D92B7776-F5E1-8FE0-E2DD-2CC9CDA13D60}" dt="2023-04-26T12:39:44.173" v="119" actId="14100"/>
          <ac:cxnSpMkLst>
            <pc:docMk/>
            <pc:sldMk cId="3870151980" sldId="2147469493"/>
            <ac:cxnSpMk id="27" creationId="{0F36C46B-9572-8A0C-4941-7A4ED99D22A9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36:38.325" v="83"/>
          <ac:cxnSpMkLst>
            <pc:docMk/>
            <pc:sldMk cId="3870151980" sldId="2147469493"/>
            <ac:cxnSpMk id="54" creationId="{4561F7C7-6930-4FBE-BFEF-CA7FAF40FE41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22:28.649" v="0" actId="1076"/>
          <ac:cxnSpMkLst>
            <pc:docMk/>
            <pc:sldMk cId="3870151980" sldId="2147469493"/>
            <ac:cxnSpMk id="297" creationId="{6A3161A8-52FD-4AA0-AC10-B27DFE6BC914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38:21.249" v="104" actId="14100"/>
          <ac:cxnSpMkLst>
            <pc:docMk/>
            <pc:sldMk cId="3870151980" sldId="2147469493"/>
            <ac:cxnSpMk id="323" creationId="{32294A66-52CD-40CB-B25B-A32CD0955BEC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35:05.870" v="57" actId="14100"/>
          <ac:cxnSpMkLst>
            <pc:docMk/>
            <pc:sldMk cId="3870151980" sldId="2147469493"/>
            <ac:cxnSpMk id="345" creationId="{CC0201F3-EC71-47A1-B696-4F7490FCF010}"/>
          </ac:cxnSpMkLst>
        </pc:cxnChg>
      </pc:sldChg>
      <pc:sldChg chg="addSp delSp modSp add replId">
        <pc:chgData name="Dimitrios Markou" userId="S::dimitrios.markou_ericsson.com#ext#@intel.onmicrosoft.com::fd2b1209-3582-44e3-99a0-87b0e5b9367d" providerId="AD" clId="Web-{D92B7776-F5E1-8FE0-E2DD-2CC9CDA13D60}" dt="2023-04-26T13:04:45.629" v="320" actId="1076"/>
        <pc:sldMkLst>
          <pc:docMk/>
          <pc:sldMk cId="841192851" sldId="2147469494"/>
        </pc:sldMkLst>
        <pc:spChg chg="del">
          <ac:chgData name="Dimitrios Markou" userId="S::dimitrios.markou_ericsson.com#ext#@intel.onmicrosoft.com::fd2b1209-3582-44e3-99a0-87b0e5b9367d" providerId="AD" clId="Web-{D92B7776-F5E1-8FE0-E2DD-2CC9CDA13D60}" dt="2023-04-26T12:44:07.773" v="133"/>
          <ac:spMkLst>
            <pc:docMk/>
            <pc:sldMk cId="841192851" sldId="2147469494"/>
            <ac:spMk id="3" creationId="{9B16182E-2758-712E-81DE-C59FB693083C}"/>
          </ac:spMkLst>
        </pc:spChg>
        <pc:spChg chg="del">
          <ac:chgData name="Dimitrios Markou" userId="S::dimitrios.markou_ericsson.com#ext#@intel.onmicrosoft.com::fd2b1209-3582-44e3-99a0-87b0e5b9367d" providerId="AD" clId="Web-{D92B7776-F5E1-8FE0-E2DD-2CC9CDA13D60}" dt="2023-04-26T12:44:08.710" v="134"/>
          <ac:spMkLst>
            <pc:docMk/>
            <pc:sldMk cId="841192851" sldId="2147469494"/>
            <ac:spMk id="4" creationId="{44E130A2-6A5E-1B4B-ED41-3030A9C90148}"/>
          </ac:spMkLst>
        </pc:spChg>
        <pc:spChg chg="del">
          <ac:chgData name="Dimitrios Markou" userId="S::dimitrios.markou_ericsson.com#ext#@intel.onmicrosoft.com::fd2b1209-3582-44e3-99a0-87b0e5b9367d" providerId="AD" clId="Web-{D92B7776-F5E1-8FE0-E2DD-2CC9CDA13D60}" dt="2023-04-26T12:44:05.726" v="132"/>
          <ac:spMkLst>
            <pc:docMk/>
            <pc:sldMk cId="841192851" sldId="2147469494"/>
            <ac:spMk id="5" creationId="{017032F0-0072-C683-B2E7-CE5335C7DB44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3:03:08.346" v="293" actId="20577"/>
          <ac:spMkLst>
            <pc:docMk/>
            <pc:sldMk cId="841192851" sldId="2147469494"/>
            <ac:spMk id="10" creationId="{2329DA2F-F4F1-D6F2-DC41-E13E30595BC5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57:45.666" v="223" actId="1076"/>
          <ac:spMkLst>
            <pc:docMk/>
            <pc:sldMk cId="841192851" sldId="2147469494"/>
            <ac:spMk id="11" creationId="{3CE56159-1AF5-5F95-0DEA-48C301C4D8D4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3:54.300" v="295" actId="1076"/>
          <ac:spMkLst>
            <pc:docMk/>
            <pc:sldMk cId="841192851" sldId="2147469494"/>
            <ac:spMk id="14" creationId="{3303FBC1-D0F5-22E5-9709-05649672BBA9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57:39.932" v="222" actId="1076"/>
          <ac:spMkLst>
            <pc:docMk/>
            <pc:sldMk cId="841192851" sldId="2147469494"/>
            <ac:spMk id="28" creationId="{7C378606-4633-E75F-29A7-5245B95D3E20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4:00.675" v="297" actId="1076"/>
          <ac:spMkLst>
            <pc:docMk/>
            <pc:sldMk cId="841192851" sldId="2147469494"/>
            <ac:spMk id="30" creationId="{0EEC728C-E02A-83CD-6CDA-6DA1E597F791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4:05.706" v="299" actId="1076"/>
          <ac:spMkLst>
            <pc:docMk/>
            <pc:sldMk cId="841192851" sldId="2147469494"/>
            <ac:spMk id="33" creationId="{A932DD40-B98C-11D0-0D2D-DEB069ED363D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4:21.051" v="301" actId="1076"/>
          <ac:spMkLst>
            <pc:docMk/>
            <pc:sldMk cId="841192851" sldId="2147469494"/>
            <ac:spMk id="35" creationId="{AF253178-B1C2-7DBB-1EC5-3353FCEC2615}"/>
          </ac:spMkLst>
        </pc:spChg>
        <pc:spChg chg="add mod">
          <ac:chgData name="Dimitrios Markou" userId="S::dimitrios.markou_ericsson.com#ext#@intel.onmicrosoft.com::fd2b1209-3582-44e3-99a0-87b0e5b9367d" providerId="AD" clId="Web-{D92B7776-F5E1-8FE0-E2DD-2CC9CDA13D60}" dt="2023-04-26T13:04:45.629" v="320" actId="1076"/>
          <ac:spMkLst>
            <pc:docMk/>
            <pc:sldMk cId="841192851" sldId="2147469494"/>
            <ac:spMk id="37" creationId="{2ED4E42E-4CEC-9E89-A4C9-3E9182CE523F}"/>
          </ac:spMkLst>
        </pc:spChg>
        <pc:spChg chg="add del mod">
          <ac:chgData name="Dimitrios Markou" userId="S::dimitrios.markou_ericsson.com#ext#@intel.onmicrosoft.com::fd2b1209-3582-44e3-99a0-87b0e5b9367d" providerId="AD" clId="Web-{D92B7776-F5E1-8FE0-E2DD-2CC9CDA13D60}" dt="2023-04-26T12:55:51.414" v="201"/>
          <ac:spMkLst>
            <pc:docMk/>
            <pc:sldMk cId="841192851" sldId="2147469494"/>
            <ac:spMk id="39" creationId="{8F4F2E9B-1D65-4D0B-8C78-5E105A0CD52B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58:04.495" v="226" actId="1076"/>
          <ac:spMkLst>
            <pc:docMk/>
            <pc:sldMk cId="841192851" sldId="2147469494"/>
            <ac:spMk id="116" creationId="{CAA54709-24FB-47AD-AA65-E2455AA9E72F}"/>
          </ac:spMkLst>
        </pc:spChg>
        <pc:spChg chg="del">
          <ac:chgData name="Dimitrios Markou" userId="S::dimitrios.markou_ericsson.com#ext#@intel.onmicrosoft.com::fd2b1209-3582-44e3-99a0-87b0e5b9367d" providerId="AD" clId="Web-{D92B7776-F5E1-8FE0-E2DD-2CC9CDA13D60}" dt="2023-04-26T12:49:01.389" v="177"/>
          <ac:spMkLst>
            <pc:docMk/>
            <pc:sldMk cId="841192851" sldId="2147469494"/>
            <ac:spMk id="119" creationId="{2D799242-06B4-4B7B-BEAC-5041D4A0B104}"/>
          </ac:spMkLst>
        </pc:spChg>
        <pc:spChg chg="mod">
          <ac:chgData name="Dimitrios Markou" userId="S::dimitrios.markou_ericsson.com#ext#@intel.onmicrosoft.com::fd2b1209-3582-44e3-99a0-87b0e5b9367d" providerId="AD" clId="Web-{D92B7776-F5E1-8FE0-E2DD-2CC9CDA13D60}" dt="2023-04-26T12:56:15.117" v="206" actId="1076"/>
          <ac:spMkLst>
            <pc:docMk/>
            <pc:sldMk cId="841192851" sldId="2147469494"/>
            <ac:spMk id="291" creationId="{93B98CE6-597D-4E81-A168-EF4D7F5BA76A}"/>
          </ac:spMkLst>
        </pc:spChg>
        <pc:cxnChg chg="add del mod">
          <ac:chgData name="Dimitrios Markou" userId="S::dimitrios.markou_ericsson.com#ext#@intel.onmicrosoft.com::fd2b1209-3582-44e3-99a0-87b0e5b9367d" providerId="AD" clId="Web-{D92B7776-F5E1-8FE0-E2DD-2CC9CDA13D60}" dt="2023-04-26T12:56:49.384" v="212" actId="14100"/>
          <ac:cxnSpMkLst>
            <pc:docMk/>
            <pc:sldMk cId="841192851" sldId="2147469494"/>
            <ac:cxnSpMk id="15" creationId="{6140EDF0-3ECB-35C5-6C9B-F59AB3D4FB98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56:21.899" v="208" actId="14100"/>
          <ac:cxnSpMkLst>
            <pc:docMk/>
            <pc:sldMk cId="841192851" sldId="2147469494"/>
            <ac:cxnSpMk id="17" creationId="{C4100724-04C0-ED28-9D83-EE18E99FE126}"/>
          </ac:cxnSpMkLst>
        </pc:cxnChg>
        <pc:cxnChg chg="del">
          <ac:chgData name="Dimitrios Markou" userId="S::dimitrios.markou_ericsson.com#ext#@intel.onmicrosoft.com::fd2b1209-3582-44e3-99a0-87b0e5b9367d" providerId="AD" clId="Web-{D92B7776-F5E1-8FE0-E2DD-2CC9CDA13D60}" dt="2023-04-26T12:44:49.383" v="151"/>
          <ac:cxnSpMkLst>
            <pc:docMk/>
            <pc:sldMk cId="841192851" sldId="2147469494"/>
            <ac:cxnSpMk id="20" creationId="{1C4D978A-A98A-B6C9-B856-96BB5B990B95}"/>
          </ac:cxnSpMkLst>
        </pc:cxnChg>
        <pc:cxnChg chg="del">
          <ac:chgData name="Dimitrios Markou" userId="S::dimitrios.markou_ericsson.com#ext#@intel.onmicrosoft.com::fd2b1209-3582-44e3-99a0-87b0e5b9367d" providerId="AD" clId="Web-{D92B7776-F5E1-8FE0-E2DD-2CC9CDA13D60}" dt="2023-04-26T12:44:11.867" v="137"/>
          <ac:cxnSpMkLst>
            <pc:docMk/>
            <pc:sldMk cId="841192851" sldId="2147469494"/>
            <ac:cxnSpMk id="21" creationId="{0B68975A-6E76-77FF-1CB0-1A0CF2ED64DF}"/>
          </ac:cxnSpMkLst>
        </pc:cxnChg>
        <pc:cxnChg chg="del">
          <ac:chgData name="Dimitrios Markou" userId="S::dimitrios.markou_ericsson.com#ext#@intel.onmicrosoft.com::fd2b1209-3582-44e3-99a0-87b0e5b9367d" providerId="AD" clId="Web-{D92B7776-F5E1-8FE0-E2DD-2CC9CDA13D60}" dt="2023-04-26T12:44:09.695" v="135"/>
          <ac:cxnSpMkLst>
            <pc:docMk/>
            <pc:sldMk cId="841192851" sldId="2147469494"/>
            <ac:cxnSpMk id="22" creationId="{56A55091-344D-95D2-8789-6328D7942DD4}"/>
          </ac:cxnSpMkLst>
        </pc:cxnChg>
        <pc:cxnChg chg="del">
          <ac:chgData name="Dimitrios Markou" userId="S::dimitrios.markou_ericsson.com#ext#@intel.onmicrosoft.com::fd2b1209-3582-44e3-99a0-87b0e5b9367d" providerId="AD" clId="Web-{D92B7776-F5E1-8FE0-E2DD-2CC9CDA13D60}" dt="2023-04-26T12:44:10.710" v="136"/>
          <ac:cxnSpMkLst>
            <pc:docMk/>
            <pc:sldMk cId="841192851" sldId="2147469494"/>
            <ac:cxnSpMk id="27" creationId="{0F36C46B-9572-8A0C-4941-7A4ED99D22A9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56:32.149" v="210" actId="14100"/>
          <ac:cxnSpMkLst>
            <pc:docMk/>
            <pc:sldMk cId="841192851" sldId="2147469494"/>
            <ac:cxnSpMk id="54" creationId="{4561F7C7-6930-4FBE-BFEF-CA7FAF40FE41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56:56.072" v="214" actId="14100"/>
          <ac:cxnSpMkLst>
            <pc:docMk/>
            <pc:sldMk cId="841192851" sldId="2147469494"/>
            <ac:cxnSpMk id="95" creationId="{402557A8-EADE-43AA-9B9C-9750DC9FCE44}"/>
          </ac:cxnSpMkLst>
        </pc:cxnChg>
        <pc:cxnChg chg="del mod">
          <ac:chgData name="Dimitrios Markou" userId="S::dimitrios.markou_ericsson.com#ext#@intel.onmicrosoft.com::fd2b1209-3582-44e3-99a0-87b0e5b9367d" providerId="AD" clId="Web-{D92B7776-F5E1-8FE0-E2DD-2CC9CDA13D60}" dt="2023-04-26T12:49:16.342" v="179"/>
          <ac:cxnSpMkLst>
            <pc:docMk/>
            <pc:sldMk cId="841192851" sldId="2147469494"/>
            <ac:cxnSpMk id="247" creationId="{713BB612-46D0-45CB-8E8D-FD680CF05DD9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56:15.117" v="206" actId="1076"/>
          <ac:cxnSpMkLst>
            <pc:docMk/>
            <pc:sldMk cId="841192851" sldId="2147469494"/>
            <ac:cxnSpMk id="297" creationId="{6A3161A8-52FD-4AA0-AC10-B27DFE6BC914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58:16.589" v="228" actId="14100"/>
          <ac:cxnSpMkLst>
            <pc:docMk/>
            <pc:sldMk cId="841192851" sldId="2147469494"/>
            <ac:cxnSpMk id="323" creationId="{32294A66-52CD-40CB-B25B-A32CD0955BEC}"/>
          </ac:cxnSpMkLst>
        </pc:cxnChg>
        <pc:cxnChg chg="mod">
          <ac:chgData name="Dimitrios Markou" userId="S::dimitrios.markou_ericsson.com#ext#@intel.onmicrosoft.com::fd2b1209-3582-44e3-99a0-87b0e5b9367d" providerId="AD" clId="Web-{D92B7776-F5E1-8FE0-E2DD-2CC9CDA13D60}" dt="2023-04-26T12:58:41.340" v="229" actId="14100"/>
          <ac:cxnSpMkLst>
            <pc:docMk/>
            <pc:sldMk cId="841192851" sldId="2147469494"/>
            <ac:cxnSpMk id="345" creationId="{CC0201F3-EC71-47A1-B696-4F7490FCF010}"/>
          </ac:cxnSpMkLst>
        </pc:cxnChg>
      </pc:sldChg>
    </pc:docChg>
  </pc:docChgLst>
  <pc:docChgLst>
    <pc:chgData name="Dimitrios Markou" userId="S::dimitrios.markou_ericsson.com#ext#@intel.onmicrosoft.com::fd2b1209-3582-44e3-99a0-87b0e5b9367d" providerId="AD" clId="Web-{738AE536-4A85-6DC1-87B6-9F8F02E92072}"/>
    <pc:docChg chg="addSld delSld modSld sldOrd">
      <pc:chgData name="Dimitrios Markou" userId="S::dimitrios.markou_ericsson.com#ext#@intel.onmicrosoft.com::fd2b1209-3582-44e3-99a0-87b0e5b9367d" providerId="AD" clId="Web-{738AE536-4A85-6DC1-87B6-9F8F02E92072}" dt="2023-04-14T13:29:55.440" v="91"/>
      <pc:docMkLst>
        <pc:docMk/>
      </pc:docMkLst>
      <pc:sldChg chg="addSp delSp modSp del">
        <pc:chgData name="Dimitrios Markou" userId="S::dimitrios.markou_ericsson.com#ext#@intel.onmicrosoft.com::fd2b1209-3582-44e3-99a0-87b0e5b9367d" providerId="AD" clId="Web-{738AE536-4A85-6DC1-87B6-9F8F02E92072}" dt="2023-04-14T13:24:04.800" v="36"/>
        <pc:sldMkLst>
          <pc:docMk/>
          <pc:sldMk cId="2844336004" sldId="2147469489"/>
        </pc:sldMkLst>
        <pc:spChg chg="add mod">
          <ac:chgData name="Dimitrios Markou" userId="S::dimitrios.markou_ericsson.com#ext#@intel.onmicrosoft.com::fd2b1209-3582-44e3-99a0-87b0e5b9367d" providerId="AD" clId="Web-{738AE536-4A85-6DC1-87B6-9F8F02E92072}" dt="2023-04-14T13:16:48.859" v="19" actId="1076"/>
          <ac:spMkLst>
            <pc:docMk/>
            <pc:sldMk cId="2844336004" sldId="2147469489"/>
            <ac:spMk id="15" creationId="{D8918C60-12C0-5608-324D-5AAACB3C1008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15:50.529" v="8"/>
          <ac:spMkLst>
            <pc:docMk/>
            <pc:sldMk cId="2844336004" sldId="2147469489"/>
            <ac:spMk id="29" creationId="{638E05E6-9093-7DE2-018E-CA8EBA2406B8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15:26.918" v="1"/>
          <ac:spMkLst>
            <pc:docMk/>
            <pc:sldMk cId="2844336004" sldId="2147469489"/>
            <ac:spMk id="31" creationId="{09B6BACA-0B5A-BE56-8726-724FB06EFF28}"/>
          </ac:spMkLst>
        </pc:spChg>
        <pc:spChg chg="del mod">
          <ac:chgData name="Dimitrios Markou" userId="S::dimitrios.markou_ericsson.com#ext#@intel.onmicrosoft.com::fd2b1209-3582-44e3-99a0-87b0e5b9367d" providerId="AD" clId="Web-{738AE536-4A85-6DC1-87B6-9F8F02E92072}" dt="2023-04-14T13:15:40.981" v="6"/>
          <ac:spMkLst>
            <pc:docMk/>
            <pc:sldMk cId="2844336004" sldId="2147469489"/>
            <ac:spMk id="32" creationId="{7F43F34C-D2EB-3DFB-14E4-34C3644BA225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17:49.878" v="27" actId="1076"/>
          <ac:spMkLst>
            <pc:docMk/>
            <pc:sldMk cId="2844336004" sldId="2147469489"/>
            <ac:spMk id="121" creationId="{15CAE62C-F906-A3AE-C6CE-53C0DA0C5F07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16:11.202" v="12"/>
          <ac:spMkLst>
            <pc:docMk/>
            <pc:sldMk cId="2844336004" sldId="2147469489"/>
            <ac:spMk id="122" creationId="{10DE4E19-7AC7-1C00-740F-F7DD879CFA1C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15:57.920" v="9" actId="1076"/>
          <ac:spMkLst>
            <pc:docMk/>
            <pc:sldMk cId="2844336004" sldId="2147469489"/>
            <ac:spMk id="131" creationId="{39970FA7-5E5E-3596-4109-B21E58D46B62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16:00.201" v="10"/>
          <ac:spMkLst>
            <pc:docMk/>
            <pc:sldMk cId="2844336004" sldId="2147469489"/>
            <ac:spMk id="135" creationId="{0196E4A6-FFF2-FD85-992D-197FC32C980D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17:02.032" v="22" actId="14100"/>
          <ac:spMkLst>
            <pc:docMk/>
            <pc:sldMk cId="2844336004" sldId="2147469489"/>
            <ac:spMk id="138" creationId="{B5EC1124-7096-9FDE-2176-087C3CA6C75A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16:27.171" v="14"/>
          <ac:spMkLst>
            <pc:docMk/>
            <pc:sldMk cId="2844336004" sldId="2147469489"/>
            <ac:spMk id="139" creationId="{F51158E2-60BD-6378-7B2A-2ED91D56FD8B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17:18.033" v="25" actId="688"/>
          <ac:spMkLst>
            <pc:docMk/>
            <pc:sldMk cId="2844336004" sldId="2147469489"/>
            <ac:spMk id="140" creationId="{0E1008C6-6E68-3D96-B3F7-2572CEB0AF5E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18:18.207" v="32"/>
          <ac:spMkLst>
            <pc:docMk/>
            <pc:sldMk cId="2844336004" sldId="2147469489"/>
            <ac:spMk id="159" creationId="{B3424CEE-DB87-2243-D367-48768505DCBF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18:24.567" v="33"/>
          <ac:spMkLst>
            <pc:docMk/>
            <pc:sldMk cId="2844336004" sldId="2147469489"/>
            <ac:spMk id="160" creationId="{9B11DA35-C9B4-D2AE-B604-FD7374E8558A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18:25.676" v="34"/>
          <ac:spMkLst>
            <pc:docMk/>
            <pc:sldMk cId="2844336004" sldId="2147469489"/>
            <ac:spMk id="161" creationId="{A8D1955F-16AA-9B5A-C4D9-82E5ED41734B}"/>
          </ac:spMkLst>
        </pc:spChg>
        <pc:spChg chg="add del">
          <ac:chgData name="Dimitrios Markou" userId="S::dimitrios.markou_ericsson.com#ext#@intel.onmicrosoft.com::fd2b1209-3582-44e3-99a0-87b0e5b9367d" providerId="AD" clId="Web-{738AE536-4A85-6DC1-87B6-9F8F02E92072}" dt="2023-04-14T13:18:00.909" v="30"/>
          <ac:spMkLst>
            <pc:docMk/>
            <pc:sldMk cId="2844336004" sldId="2147469489"/>
            <ac:spMk id="162" creationId="{67604319-5434-5B1C-5666-1ED53F250DA7}"/>
          </ac:spMkLst>
        </pc:spChg>
        <pc:spChg chg="add del">
          <ac:chgData name="Dimitrios Markou" userId="S::dimitrios.markou_ericsson.com#ext#@intel.onmicrosoft.com::fd2b1209-3582-44e3-99a0-87b0e5b9367d" providerId="AD" clId="Web-{738AE536-4A85-6DC1-87B6-9F8F02E92072}" dt="2023-04-14T13:18:04.738" v="31"/>
          <ac:spMkLst>
            <pc:docMk/>
            <pc:sldMk cId="2844336004" sldId="2147469489"/>
            <ac:spMk id="165" creationId="{7A1FE772-00F6-23F7-B852-F475CB5C2142}"/>
          </ac:spMkLst>
        </pc:spChg>
        <pc:grpChg chg="del">
          <ac:chgData name="Dimitrios Markou" userId="S::dimitrios.markou_ericsson.com#ext#@intel.onmicrosoft.com::fd2b1209-3582-44e3-99a0-87b0e5b9367d" providerId="AD" clId="Web-{738AE536-4A85-6DC1-87B6-9F8F02E92072}" dt="2023-04-14T13:15:50.529" v="8"/>
          <ac:grpSpMkLst>
            <pc:docMk/>
            <pc:sldMk cId="2844336004" sldId="2147469489"/>
            <ac:grpSpMk id="10" creationId="{FF3C5413-A735-BE1F-3968-36EE2160B81D}"/>
          </ac:grpSpMkLst>
        </pc:grpChg>
        <pc:grpChg chg="del">
          <ac:chgData name="Dimitrios Markou" userId="S::dimitrios.markou_ericsson.com#ext#@intel.onmicrosoft.com::fd2b1209-3582-44e3-99a0-87b0e5b9367d" providerId="AD" clId="Web-{738AE536-4A85-6DC1-87B6-9F8F02E92072}" dt="2023-04-14T13:15:40.981" v="6"/>
          <ac:grpSpMkLst>
            <pc:docMk/>
            <pc:sldMk cId="2844336004" sldId="2147469489"/>
            <ac:grpSpMk id="28" creationId="{56D1E690-A625-032A-9046-D200320425D3}"/>
          </ac:grpSpMkLst>
        </pc:grpChg>
        <pc:grpChg chg="mod">
          <ac:chgData name="Dimitrios Markou" userId="S::dimitrios.markou_ericsson.com#ext#@intel.onmicrosoft.com::fd2b1209-3582-44e3-99a0-87b0e5b9367d" providerId="AD" clId="Web-{738AE536-4A85-6DC1-87B6-9F8F02E92072}" dt="2023-04-14T13:17:45.909" v="26" actId="1076"/>
          <ac:grpSpMkLst>
            <pc:docMk/>
            <pc:sldMk cId="2844336004" sldId="2147469489"/>
            <ac:grpSpMk id="42" creationId="{07F71A20-DC59-703E-4ABF-F0AE6268C10E}"/>
          </ac:grpSpMkLst>
        </pc:grpChg>
        <pc:cxnChg chg="del">
          <ac:chgData name="Dimitrios Markou" userId="S::dimitrios.markou_ericsson.com#ext#@intel.onmicrosoft.com::fd2b1209-3582-44e3-99a0-87b0e5b9367d" providerId="AD" clId="Web-{738AE536-4A85-6DC1-87B6-9F8F02E92072}" dt="2023-04-14T13:16:17.530" v="13"/>
          <ac:cxnSpMkLst>
            <pc:docMk/>
            <pc:sldMk cId="2844336004" sldId="2147469489"/>
            <ac:cxnSpMk id="14" creationId="{4D65722B-78E7-0F0F-C0B9-0A4A83517F31}"/>
          </ac:cxnSpMkLst>
        </pc:cxnChg>
        <pc:cxnChg chg="del">
          <ac:chgData name="Dimitrios Markou" userId="S::dimitrios.markou_ericsson.com#ext#@intel.onmicrosoft.com::fd2b1209-3582-44e3-99a0-87b0e5b9367d" providerId="AD" clId="Web-{738AE536-4A85-6DC1-87B6-9F8F02E92072}" dt="2023-04-14T13:18:34.489" v="35"/>
          <ac:cxnSpMkLst>
            <pc:docMk/>
            <pc:sldMk cId="2844336004" sldId="2147469489"/>
            <ac:cxnSpMk id="97" creationId="{2EEC2B0E-6A27-BDE2-D332-4AE2BCE44F68}"/>
          </ac:cxnSpMkLst>
        </pc:cxnChg>
        <pc:cxnChg chg="mod">
          <ac:chgData name="Dimitrios Markou" userId="S::dimitrios.markou_ericsson.com#ext#@intel.onmicrosoft.com::fd2b1209-3582-44e3-99a0-87b0e5b9367d" providerId="AD" clId="Web-{738AE536-4A85-6DC1-87B6-9F8F02E92072}" dt="2023-04-14T13:16:38.359" v="17" actId="14100"/>
          <ac:cxnSpMkLst>
            <pc:docMk/>
            <pc:sldMk cId="2844336004" sldId="2147469489"/>
            <ac:cxnSpMk id="133" creationId="{F8E8D949-52C0-767A-22F3-D4F7808808D7}"/>
          </ac:cxnSpMkLst>
        </pc:cxnChg>
        <pc:cxnChg chg="del">
          <ac:chgData name="Dimitrios Markou" userId="S::dimitrios.markou_ericsson.com#ext#@intel.onmicrosoft.com::fd2b1209-3582-44e3-99a0-87b0e5b9367d" providerId="AD" clId="Web-{738AE536-4A85-6DC1-87B6-9F8F02E92072}" dt="2023-04-14T13:15:47.466" v="7"/>
          <ac:cxnSpMkLst>
            <pc:docMk/>
            <pc:sldMk cId="2844336004" sldId="2147469489"/>
            <ac:cxnSpMk id="137" creationId="{73FE43A0-CD6A-3908-FDD5-8F65B5BD299B}"/>
          </ac:cxnSpMkLst>
        </pc:cxnChg>
      </pc:sldChg>
      <pc:sldChg chg="delSp modSp add replId">
        <pc:chgData name="Dimitrios Markou" userId="S::dimitrios.markou_ericsson.com#ext#@intel.onmicrosoft.com::fd2b1209-3582-44e3-99a0-87b0e5b9367d" providerId="AD" clId="Web-{738AE536-4A85-6DC1-87B6-9F8F02E92072}" dt="2023-04-14T13:29:44.659" v="89" actId="1076"/>
        <pc:sldMkLst>
          <pc:docMk/>
          <pc:sldMk cId="4042933217" sldId="2147469491"/>
        </pc:sldMkLst>
        <pc:spChg chg="mod">
          <ac:chgData name="Dimitrios Markou" userId="S::dimitrios.markou_ericsson.com#ext#@intel.onmicrosoft.com::fd2b1209-3582-44e3-99a0-87b0e5b9367d" providerId="AD" clId="Web-{738AE536-4A85-6DC1-87B6-9F8F02E92072}" dt="2023-04-14T13:29:36.283" v="88" actId="1076"/>
          <ac:spMkLst>
            <pc:docMk/>
            <pc:sldMk cId="4042933217" sldId="2147469491"/>
            <ac:spMk id="5" creationId="{078594DB-9F0A-8258-784B-9EF4282E1096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29:44.659" v="89" actId="1076"/>
          <ac:spMkLst>
            <pc:docMk/>
            <pc:sldMk cId="4042933217" sldId="2147469491"/>
            <ac:spMk id="11" creationId="{3E8FB52A-FD4F-3C03-3DE1-8CE43D6E3B47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28:24.655" v="85" actId="1076"/>
          <ac:spMkLst>
            <pc:docMk/>
            <pc:sldMk cId="4042933217" sldId="2147469491"/>
            <ac:spMk id="122" creationId="{10DE4E19-7AC7-1C00-740F-F7DD879CFA1C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24:26.458" v="38"/>
          <ac:spMkLst>
            <pc:docMk/>
            <pc:sldMk cId="4042933217" sldId="2147469491"/>
            <ac:spMk id="138" creationId="{B5EC1124-7096-9FDE-2176-087C3CA6C75A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25:52.555" v="56" actId="688"/>
          <ac:spMkLst>
            <pc:docMk/>
            <pc:sldMk cId="4042933217" sldId="2147469491"/>
            <ac:spMk id="139" creationId="{F51158E2-60BD-6378-7B2A-2ED91D56FD8B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24:35.770" v="39"/>
          <ac:spMkLst>
            <pc:docMk/>
            <pc:sldMk cId="4042933217" sldId="2147469491"/>
            <ac:spMk id="140" creationId="{0E1008C6-6E68-3D96-B3F7-2572CEB0AF5E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26:34.963" v="59"/>
          <ac:spMkLst>
            <pc:docMk/>
            <pc:sldMk cId="4042933217" sldId="2147469491"/>
            <ac:spMk id="159" creationId="{B3424CEE-DB87-2243-D367-48768505DCBF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26:35.994" v="60"/>
          <ac:spMkLst>
            <pc:docMk/>
            <pc:sldMk cId="4042933217" sldId="2147469491"/>
            <ac:spMk id="160" creationId="{9B11DA35-C9B4-D2AE-B604-FD7374E8558A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26:39.651" v="61"/>
          <ac:spMkLst>
            <pc:docMk/>
            <pc:sldMk cId="4042933217" sldId="2147469491"/>
            <ac:spMk id="161" creationId="{A8D1955F-16AA-9B5A-C4D9-82E5ED41734B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27:47.482" v="78" actId="14100"/>
          <ac:spMkLst>
            <pc:docMk/>
            <pc:sldMk cId="4042933217" sldId="2147469491"/>
            <ac:spMk id="162" creationId="{67604319-5434-5B1C-5666-1ED53F250DA7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26:55.198" v="63" actId="1076"/>
          <ac:spMkLst>
            <pc:docMk/>
            <pc:sldMk cId="4042933217" sldId="2147469491"/>
            <ac:spMk id="163" creationId="{F414D61F-A738-D466-8DFD-6BE662DC72CC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27:40.231" v="75" actId="1076"/>
          <ac:spMkLst>
            <pc:docMk/>
            <pc:sldMk cId="4042933217" sldId="2147469491"/>
            <ac:spMk id="164" creationId="{4C740E4C-F940-7027-7D60-7C2C66CBD718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27:58.857" v="80" actId="688"/>
          <ac:spMkLst>
            <pc:docMk/>
            <pc:sldMk cId="4042933217" sldId="2147469491"/>
            <ac:spMk id="165" creationId="{7A1FE772-00F6-23F7-B852-F475CB5C2142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28:13.342" v="83" actId="1076"/>
          <ac:spMkLst>
            <pc:docMk/>
            <pc:sldMk cId="4042933217" sldId="2147469491"/>
            <ac:spMk id="166" creationId="{1600B675-0C2E-3E71-0EE1-3782CAC3B7FD}"/>
          </ac:spMkLst>
        </pc:spChg>
        <pc:spChg chg="mod">
          <ac:chgData name="Dimitrios Markou" userId="S::dimitrios.markou_ericsson.com#ext#@intel.onmicrosoft.com::fd2b1209-3582-44e3-99a0-87b0e5b9367d" providerId="AD" clId="Web-{738AE536-4A85-6DC1-87B6-9F8F02E92072}" dt="2023-04-14T13:28:07.342" v="82" actId="688"/>
          <ac:spMkLst>
            <pc:docMk/>
            <pc:sldMk cId="4042933217" sldId="2147469491"/>
            <ac:spMk id="167" creationId="{26F2B0B0-1A16-58A6-134C-7C854A6DC0C2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28:32.062" v="86"/>
          <ac:spMkLst>
            <pc:docMk/>
            <pc:sldMk cId="4042933217" sldId="2147469491"/>
            <ac:spMk id="168" creationId="{9BCA2139-5267-4168-D513-83CD72D3C973}"/>
          </ac:spMkLst>
        </pc:spChg>
        <pc:spChg chg="del">
          <ac:chgData name="Dimitrios Markou" userId="S::dimitrios.markou_ericsson.com#ext#@intel.onmicrosoft.com::fd2b1209-3582-44e3-99a0-87b0e5b9367d" providerId="AD" clId="Web-{738AE536-4A85-6DC1-87B6-9F8F02E92072}" dt="2023-04-14T13:29:31.658" v="87"/>
          <ac:spMkLst>
            <pc:docMk/>
            <pc:sldMk cId="4042933217" sldId="2147469491"/>
            <ac:spMk id="170" creationId="{199B5EB3-F65B-9C27-57AA-E2347355C651}"/>
          </ac:spMkLst>
        </pc:spChg>
      </pc:sldChg>
      <pc:sldChg chg="add mod ord replId modShow">
        <pc:chgData name="Dimitrios Markou" userId="S::dimitrios.markou_ericsson.com#ext#@intel.onmicrosoft.com::fd2b1209-3582-44e3-99a0-87b0e5b9367d" providerId="AD" clId="Web-{738AE536-4A85-6DC1-87B6-9F8F02E92072}" dt="2023-04-14T13:29:55.440" v="91"/>
        <pc:sldMkLst>
          <pc:docMk/>
          <pc:sldMk cId="1795972998" sldId="2147469492"/>
        </pc:sldMkLst>
      </pc:sldChg>
    </pc:docChg>
  </pc:docChgLst>
  <pc:docChgLst>
    <pc:chgData name="Dimitrios Markou" userId="S::dimitrios.markou_ericsson.com#ext#@intel.onmicrosoft.com::fd2b1209-3582-44e3-99a0-87b0e5b9367d" providerId="AD" clId="Web-{4EB9EA4F-24EB-70D8-97CF-0A5283AE2AA9}"/>
    <pc:docChg chg="addSld modSld">
      <pc:chgData name="Dimitrios Markou" userId="S::dimitrios.markou_ericsson.com#ext#@intel.onmicrosoft.com::fd2b1209-3582-44e3-99a0-87b0e5b9367d" providerId="AD" clId="Web-{4EB9EA4F-24EB-70D8-97CF-0A5283AE2AA9}" dt="2023-04-05T13:44:00.682" v="33"/>
      <pc:docMkLst>
        <pc:docMk/>
      </pc:docMkLst>
      <pc:sldChg chg="modSp">
        <pc:chgData name="Dimitrios Markou" userId="S::dimitrios.markou_ericsson.com#ext#@intel.onmicrosoft.com::fd2b1209-3582-44e3-99a0-87b0e5b9367d" providerId="AD" clId="Web-{4EB9EA4F-24EB-70D8-97CF-0A5283AE2AA9}" dt="2023-04-05T12:49:39.268" v="20" actId="20577"/>
        <pc:sldMkLst>
          <pc:docMk/>
          <pc:sldMk cId="0" sldId="256"/>
        </pc:sldMkLst>
        <pc:spChg chg="mod">
          <ac:chgData name="Dimitrios Markou" userId="S::dimitrios.markou_ericsson.com#ext#@intel.onmicrosoft.com::fd2b1209-3582-44e3-99a0-87b0e5b9367d" providerId="AD" clId="Web-{4EB9EA4F-24EB-70D8-97CF-0A5283AE2AA9}" dt="2023-04-05T12:49:39.268" v="20" actId="20577"/>
          <ac:spMkLst>
            <pc:docMk/>
            <pc:sldMk cId="0" sldId="256"/>
            <ac:spMk id="349" creationId="{00000000-0000-0000-0000-000000000000}"/>
          </ac:spMkLst>
        </pc:spChg>
        <pc:spChg chg="mod">
          <ac:chgData name="Dimitrios Markou" userId="S::dimitrios.markou_ericsson.com#ext#@intel.onmicrosoft.com::fd2b1209-3582-44e3-99a0-87b0e5b9367d" providerId="AD" clId="Web-{4EB9EA4F-24EB-70D8-97CF-0A5283AE2AA9}" dt="2023-04-05T12:49:29.533" v="11" actId="1076"/>
          <ac:spMkLst>
            <pc:docMk/>
            <pc:sldMk cId="0" sldId="256"/>
            <ac:spMk id="350" creationId="{00000000-0000-0000-0000-000000000000}"/>
          </ac:spMkLst>
        </pc:spChg>
        <pc:picChg chg="mod">
          <ac:chgData name="Dimitrios Markou" userId="S::dimitrios.markou_ericsson.com#ext#@intel.onmicrosoft.com::fd2b1209-3582-44e3-99a0-87b0e5b9367d" providerId="AD" clId="Web-{4EB9EA4F-24EB-70D8-97CF-0A5283AE2AA9}" dt="2023-04-05T12:49:31.018" v="12" actId="1076"/>
          <ac:picMkLst>
            <pc:docMk/>
            <pc:sldMk cId="0" sldId="256"/>
            <ac:picMk id="348" creationId="{00000000-0000-0000-0000-000000000000}"/>
          </ac:picMkLst>
        </pc:picChg>
      </pc:sldChg>
      <pc:sldChg chg="addSp delSp modSp new">
        <pc:chgData name="Dimitrios Markou" userId="S::dimitrios.markou_ericsson.com#ext#@intel.onmicrosoft.com::fd2b1209-3582-44e3-99a0-87b0e5b9367d" providerId="AD" clId="Web-{4EB9EA4F-24EB-70D8-97CF-0A5283AE2AA9}" dt="2023-04-05T13:44:00.682" v="33"/>
        <pc:sldMkLst>
          <pc:docMk/>
          <pc:sldMk cId="2844336004" sldId="2147469489"/>
        </pc:sldMkLst>
        <pc:spChg chg="mod">
          <ac:chgData name="Dimitrios Markou" userId="S::dimitrios.markou_ericsson.com#ext#@intel.onmicrosoft.com::fd2b1209-3582-44e3-99a0-87b0e5b9367d" providerId="AD" clId="Web-{4EB9EA4F-24EB-70D8-97CF-0A5283AE2AA9}" dt="2023-04-05T13:42:56.304" v="24" actId="1076"/>
          <ac:spMkLst>
            <pc:docMk/>
            <pc:sldMk cId="2844336004" sldId="2147469489"/>
            <ac:spMk id="2" creationId="{30FDFF6B-3404-92C4-8C7C-AC709FCD507D}"/>
          </ac:spMkLst>
        </pc:spChg>
        <pc:s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spMkLst>
            <pc:docMk/>
            <pc:sldMk cId="2844336004" sldId="2147469489"/>
            <ac:spMk id="3" creationId="{CA7E25E2-2A53-920E-04C4-E56CF5E2586D}"/>
          </ac:spMkLst>
        </pc:spChg>
        <pc:s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spMkLst>
            <pc:docMk/>
            <pc:sldMk cId="2844336004" sldId="2147469489"/>
            <ac:spMk id="4" creationId="{B9797F66-B9C2-5B76-D3B2-D46A57B9D87F}"/>
          </ac:spMkLst>
        </pc:spChg>
        <pc:s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spMkLst>
            <pc:docMk/>
            <pc:sldMk cId="2844336004" sldId="2147469489"/>
            <ac:spMk id="7" creationId="{96E0754E-5489-AEC2-D450-3FC2C34F6E69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8" creationId="{857917AA-4489-CC9C-C678-0CFCDDC85C60}"/>
          </ac:spMkLst>
        </pc:spChg>
        <pc:s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spMkLst>
            <pc:docMk/>
            <pc:sldMk cId="2844336004" sldId="2147469489"/>
            <ac:spMk id="9" creationId="{ECD3C80C-9278-251A-BE15-92FF5ED1F6A4}"/>
          </ac:spMkLst>
        </pc:spChg>
        <pc:s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spMkLst>
            <pc:docMk/>
            <pc:sldMk cId="2844336004" sldId="2147469489"/>
            <ac:spMk id="16" creationId="{5562C2C4-6447-E741-9612-A6EA82995692}"/>
          </ac:spMkLst>
        </pc:spChg>
        <pc:s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spMkLst>
            <pc:docMk/>
            <pc:sldMk cId="2844336004" sldId="2147469489"/>
            <ac:spMk id="17" creationId="{701485F6-4937-3FDE-4790-0BF5A1D71DBD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20" creationId="{360F3982-4AFC-4B2C-48F7-99A4A1288C85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21" creationId="{324E5316-C03F-BAE3-C0CA-651A6FD2AEF0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22" creationId="{8323BDA4-F86E-604B-B401-4442386560CC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24" creationId="{E9701311-1506-4C29-E4E9-FB0C9AC72546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25" creationId="{9BD4F177-FC5E-4225-B2E7-39529EEA47C1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26" creationId="{D8FDA426-ACF2-A490-0CFA-E0A3F8BF08DE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27" creationId="{18701036-BCA5-A698-947F-59EEF681EF78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29" creationId="{638E05E6-9093-7DE2-018E-CA8EBA2406B8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30" creationId="{26BAAC96-0848-E352-03F4-140C98CE4A9F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31" creationId="{09B6BACA-0B5A-BE56-8726-724FB06EFF28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32" creationId="{7F43F34C-D2EB-3DFB-14E4-34C3644BA225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34" creationId="{D2D83317-1C93-C203-F17C-15356EDBCFD4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35" creationId="{BAB34E5F-BE8C-6EA1-0ABC-7A06ECA81C5C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36" creationId="{4B794069-629C-D2EA-7111-97A6C311C3B7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38" creationId="{8AA7CCBF-CDD5-F10B-0E41-901B64C1E23B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39" creationId="{E91F6283-7C84-05A1-3CA6-D4491CE5A52D}"/>
          </ac:spMkLst>
        </pc:spChg>
        <pc:s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spMkLst>
            <pc:docMk/>
            <pc:sldMk cId="2844336004" sldId="2147469489"/>
            <ac:spMk id="40" creationId="{52A7C1FE-8CD8-2C0D-E9E7-C6648CA1A4F6}"/>
          </ac:spMkLst>
        </pc:spChg>
        <pc:gr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grpSpMkLst>
            <pc:docMk/>
            <pc:sldMk cId="2844336004" sldId="2147469489"/>
            <ac:grpSpMk id="5" creationId="{1AFA5636-6951-35A8-1875-3593F3386EAD}"/>
          </ac:grpSpMkLst>
        </pc:grpChg>
        <pc:gr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grpSpMkLst>
            <pc:docMk/>
            <pc:sldMk cId="2844336004" sldId="2147469489"/>
            <ac:grpSpMk id="6" creationId="{C56004A0-AB7C-B8E7-B2F9-CFBD620EA942}"/>
          </ac:grpSpMkLst>
        </pc:grpChg>
        <pc:gr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grpSpMkLst>
            <pc:docMk/>
            <pc:sldMk cId="2844336004" sldId="2147469489"/>
            <ac:grpSpMk id="10" creationId="{FF3C5413-A735-BE1F-3968-36EE2160B81D}"/>
          </ac:grpSpMkLst>
        </pc:grpChg>
        <pc:gr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grpSpMkLst>
            <pc:docMk/>
            <pc:sldMk cId="2844336004" sldId="2147469489"/>
            <ac:grpSpMk id="11" creationId="{A2099EA9-C102-B01B-7B3E-1946DFF93D53}"/>
          </ac:grpSpMkLst>
        </pc:grpChg>
        <pc:grp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grpSpMkLst>
            <pc:docMk/>
            <pc:sldMk cId="2844336004" sldId="2147469489"/>
            <ac:grpSpMk id="12" creationId="{DF1D5C3B-74CB-F5E3-92DA-A479E93AF3A5}"/>
          </ac:grpSpMkLst>
        </pc:grpChg>
        <pc:gr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grpSpMkLst>
            <pc:docMk/>
            <pc:sldMk cId="2844336004" sldId="2147469489"/>
            <ac:grpSpMk id="19" creationId="{CF25DC00-908E-18AE-6FA6-35116C8D0CBE}"/>
          </ac:grpSpMkLst>
        </pc:grpChg>
        <pc:gr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grpSpMkLst>
            <pc:docMk/>
            <pc:sldMk cId="2844336004" sldId="2147469489"/>
            <ac:grpSpMk id="23" creationId="{B725EFD0-214C-FD21-F43F-5DA61D78B9DA}"/>
          </ac:grpSpMkLst>
        </pc:grpChg>
        <pc:gr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grpSpMkLst>
            <pc:docMk/>
            <pc:sldMk cId="2844336004" sldId="2147469489"/>
            <ac:grpSpMk id="28" creationId="{56D1E690-A625-032A-9046-D200320425D3}"/>
          </ac:grpSpMkLst>
        </pc:grpChg>
        <pc:gr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grpSpMkLst>
            <pc:docMk/>
            <pc:sldMk cId="2844336004" sldId="2147469489"/>
            <ac:grpSpMk id="33" creationId="{65E7F43D-E4BA-F56A-76EF-D3474ED38E99}"/>
          </ac:grpSpMkLst>
        </pc:grpChg>
        <pc:grpChg chg="add">
          <ac:chgData name="Dimitrios Markou" userId="S::dimitrios.markou_ericsson.com#ext#@intel.onmicrosoft.com::fd2b1209-3582-44e3-99a0-87b0e5b9367d" providerId="AD" clId="Web-{4EB9EA4F-24EB-70D8-97CF-0A5283AE2AA9}" dt="2023-04-05T13:42:22.975" v="22"/>
          <ac:grpSpMkLst>
            <pc:docMk/>
            <pc:sldMk cId="2844336004" sldId="2147469489"/>
            <ac:grpSpMk id="37" creationId="{A244990A-BE23-DDC5-44A1-75A38E276C8A}"/>
          </ac:grpSpMkLst>
        </pc:grpChg>
        <pc:grpChg chg="add del mod">
          <ac:chgData name="Dimitrios Markou" userId="S::dimitrios.markou_ericsson.com#ext#@intel.onmicrosoft.com::fd2b1209-3582-44e3-99a0-87b0e5b9367d" providerId="AD" clId="Web-{4EB9EA4F-24EB-70D8-97CF-0A5283AE2AA9}" dt="2023-04-05T13:43:27.602" v="28"/>
          <ac:grpSpMkLst>
            <pc:docMk/>
            <pc:sldMk cId="2844336004" sldId="2147469489"/>
            <ac:grpSpMk id="41" creationId="{893A4C7D-D7D8-2941-EB59-B07563F12643}"/>
          </ac:grpSpMkLst>
        </pc:grpChg>
        <pc:grpChg chg="add mod">
          <ac:chgData name="Dimitrios Markou" userId="S::dimitrios.markou_ericsson.com#ext#@intel.onmicrosoft.com::fd2b1209-3582-44e3-99a0-87b0e5b9367d" providerId="AD" clId="Web-{4EB9EA4F-24EB-70D8-97CF-0A5283AE2AA9}" dt="2023-04-05T13:43:56.275" v="32" actId="1076"/>
          <ac:grpSpMkLst>
            <pc:docMk/>
            <pc:sldMk cId="2844336004" sldId="2147469489"/>
            <ac:grpSpMk id="42" creationId="{07F71A20-DC59-703E-4ABF-F0AE6268C10E}"/>
          </ac:grpSpMkLst>
        </pc:grpChg>
        <pc:grpChg chg="add">
          <ac:chgData name="Dimitrios Markou" userId="S::dimitrios.markou_ericsson.com#ext#@intel.onmicrosoft.com::fd2b1209-3582-44e3-99a0-87b0e5b9367d" providerId="AD" clId="Web-{4EB9EA4F-24EB-70D8-97CF-0A5283AE2AA9}" dt="2023-04-05T13:44:00.682" v="33"/>
          <ac:grpSpMkLst>
            <pc:docMk/>
            <pc:sldMk cId="2844336004" sldId="2147469489"/>
            <ac:grpSpMk id="43" creationId="{F3DF558D-4D7E-E379-31A5-409BD7C8286D}"/>
          </ac:grpSpMkLst>
        </pc:grpChg>
        <pc:cxn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cxnSpMkLst>
            <pc:docMk/>
            <pc:sldMk cId="2844336004" sldId="2147469489"/>
            <ac:cxnSpMk id="13" creationId="{7980F050-4B60-3FAD-3E5A-FAA485E09559}"/>
          </ac:cxnSpMkLst>
        </pc:cxnChg>
        <pc:cxnChg chg="add mo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cxnSpMkLst>
            <pc:docMk/>
            <pc:sldMk cId="2844336004" sldId="2147469489"/>
            <ac:cxnSpMk id="14" creationId="{4D65722B-78E7-0F0F-C0B9-0A4A83517F31}"/>
          </ac:cxnSpMkLst>
        </pc:cxnChg>
        <pc:cxnChg chg="ad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cxnSpMkLst>
            <pc:docMk/>
            <pc:sldMk cId="2844336004" sldId="2147469489"/>
            <ac:cxnSpMk id="15" creationId="{1B59B5D0-CFAE-2F95-4923-D209E77FCAEA}"/>
          </ac:cxnSpMkLst>
        </pc:cxnChg>
        <pc:cxnChg chg="add mod topLvl">
          <ac:chgData name="Dimitrios Markou" userId="S::dimitrios.markou_ericsson.com#ext#@intel.onmicrosoft.com::fd2b1209-3582-44e3-99a0-87b0e5b9367d" providerId="AD" clId="Web-{4EB9EA4F-24EB-70D8-97CF-0A5283AE2AA9}" dt="2023-04-05T13:43:27.602" v="28"/>
          <ac:cxnSpMkLst>
            <pc:docMk/>
            <pc:sldMk cId="2844336004" sldId="2147469489"/>
            <ac:cxnSpMk id="18" creationId="{12AEE6DF-024D-F31E-55BE-B0B8A6B0AC49}"/>
          </ac:cxnSpMkLst>
        </pc:cxnChg>
        <pc:cxnChg chg="mod">
          <ac:chgData name="Dimitrios Markou" userId="S::dimitrios.markou_ericsson.com#ext#@intel.onmicrosoft.com::fd2b1209-3582-44e3-99a0-87b0e5b9367d" providerId="AD" clId="Web-{4EB9EA4F-24EB-70D8-97CF-0A5283AE2AA9}" dt="2023-04-05T13:44:00.682" v="33"/>
          <ac:cxnSpMkLst>
            <pc:docMk/>
            <pc:sldMk cId="2844336004" sldId="2147469489"/>
            <ac:cxnSpMk id="54" creationId="{CF8BE5EB-0096-1E30-210C-621F5A3ADB7B}"/>
          </ac:cxnSpMkLst>
        </pc:cxnChg>
        <pc:cxnChg chg="mod">
          <ac:chgData name="Dimitrios Markou" userId="S::dimitrios.markou_ericsson.com#ext#@intel.onmicrosoft.com::fd2b1209-3582-44e3-99a0-87b0e5b9367d" providerId="AD" clId="Web-{4EB9EA4F-24EB-70D8-97CF-0A5283AE2AA9}" dt="2023-04-05T13:44:00.682" v="33"/>
          <ac:cxnSpMkLst>
            <pc:docMk/>
            <pc:sldMk cId="2844336004" sldId="2147469489"/>
            <ac:cxnSpMk id="55" creationId="{35DB9C39-0EF5-3F8F-900A-F4982A0E37E9}"/>
          </ac:cxnSpMkLst>
        </pc:cxnChg>
        <pc:cxnChg chg="mod">
          <ac:chgData name="Dimitrios Markou" userId="S::dimitrios.markou_ericsson.com#ext#@intel.onmicrosoft.com::fd2b1209-3582-44e3-99a0-87b0e5b9367d" providerId="AD" clId="Web-{4EB9EA4F-24EB-70D8-97CF-0A5283AE2AA9}" dt="2023-04-05T13:44:00.682" v="33"/>
          <ac:cxnSpMkLst>
            <pc:docMk/>
            <pc:sldMk cId="2844336004" sldId="2147469489"/>
            <ac:cxnSpMk id="56" creationId="{C197826B-C4DE-38D8-D91C-771E3EB7F7B3}"/>
          </ac:cxnSpMkLst>
        </pc:cxnChg>
        <pc:cxnChg chg="mod">
          <ac:chgData name="Dimitrios Markou" userId="S::dimitrios.markou_ericsson.com#ext#@intel.onmicrosoft.com::fd2b1209-3582-44e3-99a0-87b0e5b9367d" providerId="AD" clId="Web-{4EB9EA4F-24EB-70D8-97CF-0A5283AE2AA9}" dt="2023-04-05T13:44:00.682" v="33"/>
          <ac:cxnSpMkLst>
            <pc:docMk/>
            <pc:sldMk cId="2844336004" sldId="2147469489"/>
            <ac:cxnSpMk id="59" creationId="{1B0D7CD6-D05A-CB63-DD8F-65689F6CCE44}"/>
          </ac:cxnSpMkLst>
        </pc:cxnChg>
      </pc:sldChg>
    </pc:docChg>
  </pc:docChgLst>
  <pc:docChgLst>
    <pc:chgData name="Dimitrios Markou" userId="S::dimitrios.markou_ericsson.com#ext#@intel.onmicrosoft.com::fd2b1209-3582-44e3-99a0-87b0e5b9367d" providerId="AD" clId="Web-{3BC021AC-91DE-5E27-EF49-A9B90328FB69}"/>
    <pc:docChg chg="addSld modSld">
      <pc:chgData name="Dimitrios Markou" userId="S::dimitrios.markou_ericsson.com#ext#@intel.onmicrosoft.com::fd2b1209-3582-44e3-99a0-87b0e5b9367d" providerId="AD" clId="Web-{3BC021AC-91DE-5E27-EF49-A9B90328FB69}" dt="2023-04-28T14:46:53.342" v="2" actId="20577"/>
      <pc:docMkLst>
        <pc:docMk/>
      </pc:docMkLst>
      <pc:sldChg chg="modSp">
        <pc:chgData name="Dimitrios Markou" userId="S::dimitrios.markou_ericsson.com#ext#@intel.onmicrosoft.com::fd2b1209-3582-44e3-99a0-87b0e5b9367d" providerId="AD" clId="Web-{3BC021AC-91DE-5E27-EF49-A9B90328FB69}" dt="2023-04-28T14:46:53.342" v="2" actId="20577"/>
        <pc:sldMkLst>
          <pc:docMk/>
          <pc:sldMk cId="322511853" sldId="2147469495"/>
        </pc:sldMkLst>
        <pc:spChg chg="mod">
          <ac:chgData name="Dimitrios Markou" userId="S::dimitrios.markou_ericsson.com#ext#@intel.onmicrosoft.com::fd2b1209-3582-44e3-99a0-87b0e5b9367d" providerId="AD" clId="Web-{3BC021AC-91DE-5E27-EF49-A9B90328FB69}" dt="2023-04-28T14:46:53.342" v="2" actId="20577"/>
          <ac:spMkLst>
            <pc:docMk/>
            <pc:sldMk cId="322511853" sldId="2147469495"/>
            <ac:spMk id="2" creationId="{160C60B7-76F0-407E-BA95-EE55A26F2623}"/>
          </ac:spMkLst>
        </pc:spChg>
      </pc:sldChg>
      <pc:sldChg chg="add replId">
        <pc:chgData name="Dimitrios Markou" userId="S::dimitrios.markou_ericsson.com#ext#@intel.onmicrosoft.com::fd2b1209-3582-44e3-99a0-87b0e5b9367d" providerId="AD" clId="Web-{3BC021AC-91DE-5E27-EF49-A9B90328FB69}" dt="2023-04-28T14:46:35.638" v="0"/>
        <pc:sldMkLst>
          <pc:docMk/>
          <pc:sldMk cId="3767371718" sldId="2147469495"/>
        </pc:sldMkLst>
      </pc:sldChg>
    </pc:docChg>
  </pc:docChgLst>
  <pc:docChgLst>
    <pc:chgData name="Jan Scheurich" userId="0f96fdce-ddbd-4bab-8e03-f9f0f63ef781" providerId="ADAL" clId="{2EDFD640-F4F3-4F11-92BF-B517DF1C7D6D}"/>
    <pc:docChg chg="undo custSel addSld delSld modSld">
      <pc:chgData name="Jan Scheurich" userId="0f96fdce-ddbd-4bab-8e03-f9f0f63ef781" providerId="ADAL" clId="{2EDFD640-F4F3-4F11-92BF-B517DF1C7D6D}" dt="2023-02-23T15:33:44.145" v="3123" actId="20577"/>
      <pc:docMkLst>
        <pc:docMk/>
      </pc:docMkLst>
      <pc:sldChg chg="modSp mod">
        <pc:chgData name="Jan Scheurich" userId="0f96fdce-ddbd-4bab-8e03-f9f0f63ef781" providerId="ADAL" clId="{2EDFD640-F4F3-4F11-92BF-B517DF1C7D6D}" dt="2023-02-21T12:15:21.779" v="3056" actId="20577"/>
        <pc:sldMkLst>
          <pc:docMk/>
          <pc:sldMk cId="1516139018" sldId="2147375708"/>
        </pc:sldMkLst>
        <pc:spChg chg="mod">
          <ac:chgData name="Jan Scheurich" userId="0f96fdce-ddbd-4bab-8e03-f9f0f63ef781" providerId="ADAL" clId="{2EDFD640-F4F3-4F11-92BF-B517DF1C7D6D}" dt="2023-02-21T12:15:21.779" v="3056" actId="20577"/>
          <ac:spMkLst>
            <pc:docMk/>
            <pc:sldMk cId="1516139018" sldId="2147375708"/>
            <ac:spMk id="2" creationId="{68FEBDA0-E75A-4562-ACA9-4A9F8F60DD75}"/>
          </ac:spMkLst>
        </pc:spChg>
        <pc:spChg chg="mod">
          <ac:chgData name="Jan Scheurich" userId="0f96fdce-ddbd-4bab-8e03-f9f0f63ef781" providerId="ADAL" clId="{2EDFD640-F4F3-4F11-92BF-B517DF1C7D6D}" dt="2023-02-21T12:11:08.583" v="2848" actId="1036"/>
          <ac:spMkLst>
            <pc:docMk/>
            <pc:sldMk cId="1516139018" sldId="2147375708"/>
            <ac:spMk id="54" creationId="{EE76F045-C8EA-4EAB-8E8F-01151B8ACAA8}"/>
          </ac:spMkLst>
        </pc:spChg>
      </pc:sldChg>
      <pc:sldChg chg="addSp delSp modSp mod">
        <pc:chgData name="Jan Scheurich" userId="0f96fdce-ddbd-4bab-8e03-f9f0f63ef781" providerId="ADAL" clId="{2EDFD640-F4F3-4F11-92BF-B517DF1C7D6D}" dt="2023-02-21T12:13:58.993" v="3020" actId="20577"/>
        <pc:sldMkLst>
          <pc:docMk/>
          <pc:sldMk cId="2265169015" sldId="2147375710"/>
        </pc:sldMkLst>
        <pc:spChg chg="mod">
          <ac:chgData name="Jan Scheurich" userId="0f96fdce-ddbd-4bab-8e03-f9f0f63ef781" providerId="ADAL" clId="{2EDFD640-F4F3-4F11-92BF-B517DF1C7D6D}" dt="2023-02-21T12:13:58.993" v="3020" actId="20577"/>
          <ac:spMkLst>
            <pc:docMk/>
            <pc:sldMk cId="2265169015" sldId="2147375710"/>
            <ac:spMk id="2" creationId="{68FEBDA0-E75A-4562-ACA9-4A9F8F60DD75}"/>
          </ac:spMkLst>
        </pc:spChg>
        <pc:spChg chg="add mod">
          <ac:chgData name="Jan Scheurich" userId="0f96fdce-ddbd-4bab-8e03-f9f0f63ef781" providerId="ADAL" clId="{2EDFD640-F4F3-4F11-92BF-B517DF1C7D6D}" dt="2023-02-21T12:11:16.041" v="2850"/>
          <ac:spMkLst>
            <pc:docMk/>
            <pc:sldMk cId="2265169015" sldId="2147375710"/>
            <ac:spMk id="3" creationId="{7CEB24C4-6558-9C59-FEDB-85A0C045E131}"/>
          </ac:spMkLst>
        </pc:spChg>
        <pc:spChg chg="del mod">
          <ac:chgData name="Jan Scheurich" userId="0f96fdce-ddbd-4bab-8e03-f9f0f63ef781" providerId="ADAL" clId="{2EDFD640-F4F3-4F11-92BF-B517DF1C7D6D}" dt="2023-02-21T12:11:15.182" v="2849" actId="478"/>
          <ac:spMkLst>
            <pc:docMk/>
            <pc:sldMk cId="2265169015" sldId="2147375710"/>
            <ac:spMk id="36" creationId="{D86C1719-7D85-476C-8304-256E39D0C363}"/>
          </ac:spMkLst>
        </pc:spChg>
        <pc:spChg chg="mod">
          <ac:chgData name="Jan Scheurich" userId="0f96fdce-ddbd-4bab-8e03-f9f0f63ef781" providerId="ADAL" clId="{2EDFD640-F4F3-4F11-92BF-B517DF1C7D6D}" dt="2023-02-21T12:11:17.987" v="2851" actId="1076"/>
          <ac:spMkLst>
            <pc:docMk/>
            <pc:sldMk cId="2265169015" sldId="2147375710"/>
            <ac:spMk id="43" creationId="{644A4CB9-AEC6-4935-ADFF-3958BAEF7037}"/>
          </ac:spMkLst>
        </pc:spChg>
      </pc:sldChg>
      <pc:sldChg chg="modSp mod delCm">
        <pc:chgData name="Jan Scheurich" userId="0f96fdce-ddbd-4bab-8e03-f9f0f63ef781" providerId="ADAL" clId="{2EDFD640-F4F3-4F11-92BF-B517DF1C7D6D}" dt="2023-02-22T16:37:29.490" v="3117"/>
        <pc:sldMkLst>
          <pc:docMk/>
          <pc:sldMk cId="3739816706" sldId="2147375735"/>
        </pc:sldMkLst>
        <pc:spChg chg="mod">
          <ac:chgData name="Jan Scheurich" userId="0f96fdce-ddbd-4bab-8e03-f9f0f63ef781" providerId="ADAL" clId="{2EDFD640-F4F3-4F11-92BF-B517DF1C7D6D}" dt="2023-02-21T10:53:38.369" v="1908" actId="20577"/>
          <ac:spMkLst>
            <pc:docMk/>
            <pc:sldMk cId="3739816706" sldId="2147375735"/>
            <ac:spMk id="2" creationId="{C9E42817-A28D-4A27-A3CF-10DC610DEF3C}"/>
          </ac:spMkLst>
        </pc:spChg>
      </pc:sldChg>
      <pc:sldChg chg="del">
        <pc:chgData name="Jan Scheurich" userId="0f96fdce-ddbd-4bab-8e03-f9f0f63ef781" providerId="ADAL" clId="{2EDFD640-F4F3-4F11-92BF-B517DF1C7D6D}" dt="2023-02-17T13:42:02.593" v="34" actId="47"/>
        <pc:sldMkLst>
          <pc:docMk/>
          <pc:sldMk cId="3849294935" sldId="2147375751"/>
        </pc:sldMkLst>
      </pc:sldChg>
      <pc:sldChg chg="del">
        <pc:chgData name="Jan Scheurich" userId="0f96fdce-ddbd-4bab-8e03-f9f0f63ef781" providerId="ADAL" clId="{2EDFD640-F4F3-4F11-92BF-B517DF1C7D6D}" dt="2023-02-17T13:42:02.593" v="34" actId="47"/>
        <pc:sldMkLst>
          <pc:docMk/>
          <pc:sldMk cId="321595884" sldId="2147375752"/>
        </pc:sldMkLst>
      </pc:sldChg>
      <pc:sldChg chg="del">
        <pc:chgData name="Jan Scheurich" userId="0f96fdce-ddbd-4bab-8e03-f9f0f63ef781" providerId="ADAL" clId="{2EDFD640-F4F3-4F11-92BF-B517DF1C7D6D}" dt="2023-02-17T13:42:02.593" v="34" actId="47"/>
        <pc:sldMkLst>
          <pc:docMk/>
          <pc:sldMk cId="3727700399" sldId="2147375754"/>
        </pc:sldMkLst>
      </pc:sldChg>
      <pc:sldChg chg="del">
        <pc:chgData name="Jan Scheurich" userId="0f96fdce-ddbd-4bab-8e03-f9f0f63ef781" providerId="ADAL" clId="{2EDFD640-F4F3-4F11-92BF-B517DF1C7D6D}" dt="2023-02-17T13:42:02.593" v="34" actId="47"/>
        <pc:sldMkLst>
          <pc:docMk/>
          <pc:sldMk cId="2094664623" sldId="2147375755"/>
        </pc:sldMkLst>
      </pc:sldChg>
      <pc:sldChg chg="del">
        <pc:chgData name="Jan Scheurich" userId="0f96fdce-ddbd-4bab-8e03-f9f0f63ef781" providerId="ADAL" clId="{2EDFD640-F4F3-4F11-92BF-B517DF1C7D6D}" dt="2023-02-17T13:42:02.593" v="34" actId="47"/>
        <pc:sldMkLst>
          <pc:docMk/>
          <pc:sldMk cId="1856038250" sldId="2147375756"/>
        </pc:sldMkLst>
      </pc:sldChg>
      <pc:sldChg chg="delSp modSp mod">
        <pc:chgData name="Jan Scheurich" userId="0f96fdce-ddbd-4bab-8e03-f9f0f63ef781" providerId="ADAL" clId="{2EDFD640-F4F3-4F11-92BF-B517DF1C7D6D}" dt="2023-02-21T11:24:36.370" v="2466" actId="20577"/>
        <pc:sldMkLst>
          <pc:docMk/>
          <pc:sldMk cId="988218268" sldId="2147375773"/>
        </pc:sldMkLst>
        <pc:spChg chg="mod">
          <ac:chgData name="Jan Scheurich" userId="0f96fdce-ddbd-4bab-8e03-f9f0f63ef781" providerId="ADAL" clId="{2EDFD640-F4F3-4F11-92BF-B517DF1C7D6D}" dt="2023-02-21T11:24:36.370" v="2466" actId="20577"/>
          <ac:spMkLst>
            <pc:docMk/>
            <pc:sldMk cId="988218268" sldId="2147375773"/>
            <ac:spMk id="4" creationId="{C1F5AF47-A9DA-42B8-A798-214B2379E5C8}"/>
          </ac:spMkLst>
        </pc:spChg>
        <pc:spChg chg="mod">
          <ac:chgData name="Jan Scheurich" userId="0f96fdce-ddbd-4bab-8e03-f9f0f63ef781" providerId="ADAL" clId="{2EDFD640-F4F3-4F11-92BF-B517DF1C7D6D}" dt="2023-02-21T11:24:05.539" v="2452" actId="208"/>
          <ac:spMkLst>
            <pc:docMk/>
            <pc:sldMk cId="988218268" sldId="2147375773"/>
            <ac:spMk id="167" creationId="{305C7C42-C7CF-45F3-A32A-EA532CB4C849}"/>
          </ac:spMkLst>
        </pc:spChg>
        <pc:spChg chg="mod">
          <ac:chgData name="Jan Scheurich" userId="0f96fdce-ddbd-4bab-8e03-f9f0f63ef781" providerId="ADAL" clId="{2EDFD640-F4F3-4F11-92BF-B517DF1C7D6D}" dt="2023-02-21T11:24:24.336" v="2457" actId="20577"/>
          <ac:spMkLst>
            <pc:docMk/>
            <pc:sldMk cId="988218268" sldId="2147375773"/>
            <ac:spMk id="172" creationId="{9098A036-8FE3-4AA0-AF5D-95C19D49307B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173" creationId="{19FFC2AE-F4C8-416C-969A-F9F260FB6E4E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177" creationId="{1DE53325-E243-4F5C-A33D-CEFF9C1407CE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02" creationId="{F235F77F-54D0-44F2-A09C-DB7D4B0E4BEB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38" creationId="{427A009E-1B2F-46E7-A264-0C8EF4FFCC01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39" creationId="{A569ACD4-25C7-4326-9D03-04C242493064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40" creationId="{84FCB0C1-30D9-41C8-850A-8E74A05E3707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48" creationId="{BE25191F-CB37-426F-88C8-E9793795FAC4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50" creationId="{F2739836-EAB1-4C50-BDCC-C4051BF8E875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51" creationId="{66D5C164-0F7A-4F10-BC4C-DE82BBA13F64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52" creationId="{0A2FC9EC-CD3A-40B4-97D4-272CD8D23E40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53" creationId="{AB64A04B-0F08-41AF-87D2-8EEFD3F7A178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58" creationId="{03722F5C-8DEF-483E-AB70-A33D85ACDE90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59" creationId="{D8CB696F-8F97-4A8E-B07F-99AB8EB42E4A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60" creationId="{C486F979-1703-46AD-ABEB-A26FC607E2FB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61" creationId="{CA7925AC-4213-4B28-9E32-4BCA1B9F16D1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65" creationId="{E44FF7DD-98AA-4840-96BA-27D055CE22EE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66" creationId="{70A00F55-2B7F-4C4B-BCC1-1C02FC08D926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67" creationId="{FAD68C8F-6D94-4A0D-BFCD-54364276CCDD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70" creationId="{7F2ED476-1D72-4E06-8981-B09F20BCC626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71" creationId="{8C66D667-ABA1-4ABF-96CD-41D1DF429E61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72" creationId="{CA5FFCB9-48FA-4641-8737-A4C2C901CCA2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73" creationId="{FA6A5A6F-55AA-40A0-BC60-5B64C9273DE3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74" creationId="{61955B94-4075-43A1-9FF0-8B68548F1D73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76" creationId="{0A878868-48A5-4027-9998-8A2A8FC37519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77" creationId="{5AC3DD75-3707-4E30-BB05-6DAF41FAC289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81" creationId="{84816CE8-2304-421E-BEC2-07C4043CDEE6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86" creationId="{0CE6014A-5B7D-4A9E-B4AB-A6C416FF0032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87" creationId="{528D21D3-420B-4544-B7F4-454A5E9090A1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89" creationId="{9AE654AF-B8C0-4E25-A73D-21C1152783F6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90" creationId="{A6E3E2A8-1782-4378-AB3B-807289D6497A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97" creationId="{9CE6ABB0-B3F3-4174-8501-70BDA123FF36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98" creationId="{F7A9442B-5C59-4E7B-A2AB-462EAE0EB782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299" creationId="{42D33E61-CAB4-4971-905E-8D92E80DA17C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00" creationId="{F4DFB414-A627-4862-9666-98CB349C0523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01" creationId="{3D20B37B-3555-49C6-A472-5D173001DBE0}"/>
          </ac:spMkLst>
        </pc:spChg>
        <pc:spChg chg="del">
          <ac:chgData name="Jan Scheurich" userId="0f96fdce-ddbd-4bab-8e03-f9f0f63ef781" providerId="ADAL" clId="{2EDFD640-F4F3-4F11-92BF-B517DF1C7D6D}" dt="2023-02-21T11:19:55.368" v="2361" actId="478"/>
          <ac:spMkLst>
            <pc:docMk/>
            <pc:sldMk cId="988218268" sldId="2147375773"/>
            <ac:spMk id="310" creationId="{51AFE5F0-431C-441A-A861-3AD9B741D38F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13" creationId="{35DD434F-A88C-41C3-947B-007C02A0FA45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25" creationId="{41E5E20F-7ADC-46E6-B5EB-C1692A5D5DCD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27" creationId="{AE46B214-1FCA-40BE-811D-D20F8127CB8F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28" creationId="{CE62728F-BF6A-4C6C-8D05-D24C6DB64FC3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29" creationId="{B325E007-F726-4A7C-A669-226E433DABF2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31" creationId="{CB64F085-0B50-4F2C-BE1A-2B995A011263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34" creationId="{72B9E5C8-C2AF-44FD-8CE1-DCC27E14C6EF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36" creationId="{5547EC55-822A-47DD-97E9-5E2764035B6C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39" creationId="{851D26DA-070C-4C61-92B6-14C76C6F14F5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40" creationId="{1CB4B1AB-7FDE-4E72-9462-2CE446AA40D7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41" creationId="{D464FF71-ED21-427F-B215-A592B2B9BA37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45" creationId="{E2C5B042-45D8-42B7-A7C4-688FF00BE3C0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48" creationId="{832E3160-81A1-4407-A843-4A8F2D12794F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49" creationId="{D36D4AD6-0E76-4E1C-80F7-094C2C3BD646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53" creationId="{F7B553D8-CF1B-4FE8-953F-1DA3F5E07E02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55" creationId="{62185BCD-AF30-4202-A151-660D01F53FE8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57" creationId="{EC40CE92-9BDB-46BD-A919-D88708458F22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60" creationId="{2FC2265A-62A3-45FF-A614-06E372468663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63" creationId="{90DBB1DE-A43C-4035-9F91-2782EBC53475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64" creationId="{E24CCE57-0466-4467-8EFF-B19781A84D55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65" creationId="{D55789D8-F235-4FEC-B295-09FE4D51B72F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68" creationId="{58E220C0-02B4-41C4-AFB2-BC3A10481940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72" creationId="{6CB641FD-2D55-4739-99EF-6A1A9412CBFF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73" creationId="{5D6FAF01-3E8B-412B-AA7F-D836C0AE2D71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74" creationId="{839FEF63-8092-414D-ACFB-E350F9CEB8E4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81" creationId="{D6E1205C-DD38-4210-B42E-BB2E0332551B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83" creationId="{482FC52E-0801-4B1F-B90A-618D0A548A86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87" creationId="{A006BF2F-4953-4E8F-AB8C-67AD0B24E4B6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88" creationId="{5A2A19B0-D93E-4363-B00B-75ED48F9E2DD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89" creationId="{CD7F3929-2548-40FD-93D1-3AE27B4EE9FE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90" creationId="{31C21B1C-E682-41CD-A0CB-2CBF8C3B6A77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91" creationId="{39A8DD97-470A-4D0B-8818-F9F75B7106AE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92" creationId="{A3111CCD-FF20-464D-B3DD-C863EB88DFF9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93" creationId="{DFD5FE10-C07B-419B-BEB6-A95813C03552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94" creationId="{28A8FFE9-BDFF-42B1-8712-177DE658772A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95" creationId="{8BA39BD5-9EE7-4A5F-9D70-28DB7CFEF047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96" creationId="{3656B55B-1AA5-40E5-B6A4-74DD0DC0C6D8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397" creationId="{4B12668F-423E-4DF2-B4B2-727EDAC2A289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01" creationId="{03D1D69E-24D8-4D62-97EC-FE3DCEB1423C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05" creationId="{4966A057-6398-4129-886A-BC5F4BE2AA89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06" creationId="{CA55F19E-B900-4368-A3F9-8C9B054C46E3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07" creationId="{40015F5D-1AC9-40F9-B83F-C71D3A8F3763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08" creationId="{8598EC9D-D48B-469B-BCD2-2BF3D54FFB7F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09" creationId="{776158CF-42F0-4120-ADBA-EFE9E4952FE3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10" creationId="{3B3BBA05-508D-4D37-ABBB-07B2E2781F3F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14" creationId="{A7A3A13D-8C27-4608-81CB-31661C0E7D24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15" creationId="{6F8D4043-B5CD-4517-AF63-50BA8E5BBFBB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16" creationId="{E976C8E1-9271-4E4D-A683-0A12D5179BBD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17" creationId="{5E1A12BC-6F32-43E9-A004-98748CD4A9F4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18" creationId="{6131CD8C-FD19-4DA6-9DE0-1578A1ED0CAD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26" creationId="{66F21416-8563-45ED-A77C-7D089728FCF5}"/>
          </ac:spMkLst>
        </pc:spChg>
        <pc:spChg chg="mod">
          <ac:chgData name="Jan Scheurich" userId="0f96fdce-ddbd-4bab-8e03-f9f0f63ef781" providerId="ADAL" clId="{2EDFD640-F4F3-4F11-92BF-B517DF1C7D6D}" dt="2023-02-21T11:23:55.785" v="2449" actId="208"/>
          <ac:spMkLst>
            <pc:docMk/>
            <pc:sldMk cId="988218268" sldId="2147375773"/>
            <ac:spMk id="427" creationId="{E080B61C-38BD-4CED-8D32-4670267F8EFC}"/>
          </ac:spMkLst>
        </pc:spChg>
        <pc:grpChg chg="mod">
          <ac:chgData name="Jan Scheurich" userId="0f96fdce-ddbd-4bab-8e03-f9f0f63ef781" providerId="ADAL" clId="{2EDFD640-F4F3-4F11-92BF-B517DF1C7D6D}" dt="2023-02-21T11:24:01.415" v="2451" actId="1076"/>
          <ac:grpSpMkLst>
            <pc:docMk/>
            <pc:sldMk cId="988218268" sldId="2147375773"/>
            <ac:grpSpMk id="166" creationId="{5653D8AF-3645-4BB7-A001-0ED64621C4EA}"/>
          </ac:grpSpMkLst>
        </pc:grp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19" creationId="{E587E432-B087-F77F-25A2-76CC56E2F549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198" creationId="{A8636A3F-8D7A-4464-B2F8-E29355313CAA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03" creationId="{75756627-5360-490B-928D-87757A9F4F03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35" creationId="{D5F359A5-D9DF-4DFA-894E-A00AAD053470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36" creationId="{A5949701-9558-4E05-B0E7-7F78F778C677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43" creationId="{A5488ED5-8F88-48FC-AE1F-7B40ED2CE98D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45" creationId="{17E574BB-C387-40A8-8FEF-A576CDA25E28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47" creationId="{39629BFB-7AA2-4602-A7F6-9E346197D18C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54" creationId="{78265F73-305B-496D-AE38-6D4260A8593C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55" creationId="{4981C68A-5370-43E5-9031-ED24182B609F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56" creationId="{D36CAFAE-81EE-4B40-AAE5-097903E7B8B8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57" creationId="{E7C93B16-7CEA-4BA0-9091-654B24D6BEB2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62" creationId="{615AADDF-6E52-45DF-9872-BF714128E255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64" creationId="{622906A2-60E6-4FD2-9463-BA5D05F1AF56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78" creationId="{03AEDB13-0B2C-45B6-9360-133CE57CC443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279" creationId="{11B41C96-A849-4A39-8225-1D735BC6900C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04" creationId="{96ABAF87-C519-4756-9667-51C97E252197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05" creationId="{F112994B-1C3B-42C9-B8DA-87031F44F932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06" creationId="{2553B5F6-BE97-477C-8AB2-AA866113E817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07" creationId="{86B87BFE-7191-40C8-B70F-BD3B39812DCA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09" creationId="{030C391F-7584-4382-B172-AA24A8C5D8BE}"/>
          </ac:cxnSpMkLst>
        </pc:cxnChg>
        <pc:cxnChg chg="del mod">
          <ac:chgData name="Jan Scheurich" userId="0f96fdce-ddbd-4bab-8e03-f9f0f63ef781" providerId="ADAL" clId="{2EDFD640-F4F3-4F11-92BF-B517DF1C7D6D}" dt="2023-02-21T11:19:58.531" v="2362" actId="478"/>
          <ac:cxnSpMkLst>
            <pc:docMk/>
            <pc:sldMk cId="988218268" sldId="2147375773"/>
            <ac:cxnSpMk id="311" creationId="{E3298013-65E5-401D-81B3-A1DD627AF5CF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12" creationId="{16535DB5-DF2F-4C55-ABF4-1A28F849A098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14" creationId="{17A4B246-7079-42B0-A42F-601EC43A4E58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15" creationId="{4CC738CD-8A90-4147-836A-17C412BC9BED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16" creationId="{E8D5C3D6-A002-4C77-A769-50E2935D8DE9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17" creationId="{57C61ABF-5962-4F83-9914-EFCE496EA28C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18" creationId="{5C5F520A-7B26-4C6F-BC80-8072E71B57BF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20" creationId="{FAEAB2F1-29BF-4DE4-929B-97FE495B099D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21" creationId="{38FE8DC1-CBDC-4334-A39E-41EACE4EEF4C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22" creationId="{4C33529A-8BC6-4488-AAD3-04E6819A7637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23" creationId="{FD7CDD79-7B4F-45A1-84B6-9766CE5A9A9D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24" creationId="{3C625918-B859-40CE-9461-CC3092DCA496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33" creationId="{9D8E75F7-DAB3-476C-BE98-18BEC2DA0599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37" creationId="{A5BDC8BF-4714-40C6-831A-49AF6ED6778A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42" creationId="{33F81A91-CDDA-4ECE-B82A-2A49118760EE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43" creationId="{01DE0B68-E01C-4D4C-BC4E-0D10113EE66D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44" creationId="{F6D491D8-1C37-4D71-AC22-8BA5D1E15DB8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46" creationId="{423E781E-3444-4957-AFCB-BE4528266F00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47" creationId="{A67957C8-FDF4-4429-B98C-4FCAF86BAE03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54" creationId="{52E17F03-BE9F-4DE7-BC89-8421E304928E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58" creationId="{77D8C28F-4698-4A66-ACBB-7B688F6D8E07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59" creationId="{B9AFA29F-9F14-4436-9A14-01249BDC9720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61" creationId="{67CC6C25-7C50-42E6-8401-E40AD3A15EB3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66" creationId="{E8249B32-AB3B-4CD9-81F8-2D88EB3881AF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67" creationId="{66376DD5-9069-4FDD-A95C-E7D01B91E3E8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69" creationId="{F2B6E042-AB95-4EEE-B123-833B0B305F27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70" creationId="{1455D734-82AF-4F69-98DD-D42AE21575C1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71" creationId="{5BB0B6F4-DB38-4CC7-B3AC-6EDBD39E6AAB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77" creationId="{BE3806BF-01B4-4450-A7E4-325799F2B5E6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78" creationId="{722D28BF-83A8-4114-93C8-959894D03FB4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79" creationId="{A4B80F72-CD24-4589-B26B-6465F2FF1A84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80" creationId="{4FB91FC2-72B3-41AD-98EC-0EAE137FE7FB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84" creationId="{FEE4442F-B95E-458F-B82E-0D37FA6FF954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86" creationId="{D890C618-ED33-4F89-A779-062114866450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98" creationId="{1AA6F044-75F0-4CDC-AB47-A3D03AB7196D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399" creationId="{B06FC258-8792-4C6B-AF4A-8F2BE99953B2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00" creationId="{50D5953B-785B-43FD-AA56-B35B4D793584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02" creationId="{8C99B857-1ABF-4B20-932D-EDEAD7DD1883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03" creationId="{0C6E0DF5-F957-4C37-958F-CF2B54D7905E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04" creationId="{FED55965-2D15-4B39-9A1A-A0707EA9BF6A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11" creationId="{4142652E-26E9-4421-A448-A502BA5E92E4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12" creationId="{757CF99F-0F5F-4254-8A15-D315C6FD910C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13" creationId="{13F5C314-18C6-4C3E-844F-4248E3006C8F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19" creationId="{9183C23C-402B-4BF6-B06B-60A9FB5D784F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20" creationId="{D74C3F0C-5292-4720-A31E-822D0338EFDC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21" creationId="{3C673171-6EBD-49A6-B6C2-C54A60394646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22" creationId="{60391D77-4E8E-412A-B618-83D52A900B11}"/>
          </ac:cxnSpMkLst>
        </pc:cxnChg>
        <pc:cxnChg chg="mod">
          <ac:chgData name="Jan Scheurich" userId="0f96fdce-ddbd-4bab-8e03-f9f0f63ef781" providerId="ADAL" clId="{2EDFD640-F4F3-4F11-92BF-B517DF1C7D6D}" dt="2023-02-21T11:23:55.785" v="2449" actId="208"/>
          <ac:cxnSpMkLst>
            <pc:docMk/>
            <pc:sldMk cId="988218268" sldId="2147375773"/>
            <ac:cxnSpMk id="425" creationId="{731DAB06-8F2D-42E9-826D-D2C420AFF994}"/>
          </ac:cxnSpMkLst>
        </pc:cxnChg>
      </pc:sldChg>
      <pc:sldChg chg="addSp delSp modSp mod addAnim delAnim modAnim modCm">
        <pc:chgData name="Jan Scheurich" userId="0f96fdce-ddbd-4bab-8e03-f9f0f63ef781" providerId="ADAL" clId="{2EDFD640-F4F3-4F11-92BF-B517DF1C7D6D}" dt="2023-02-21T11:59:44.518" v="2482" actId="20577"/>
        <pc:sldMkLst>
          <pc:docMk/>
          <pc:sldMk cId="817523821" sldId="2147375780"/>
        </pc:sldMkLst>
        <pc:spChg chg="mod">
          <ac:chgData name="Jan Scheurich" userId="0f96fdce-ddbd-4bab-8e03-f9f0f63ef781" providerId="ADAL" clId="{2EDFD640-F4F3-4F11-92BF-B517DF1C7D6D}" dt="2023-02-21T10:54:23.535" v="1921" actId="20577"/>
          <ac:spMkLst>
            <pc:docMk/>
            <pc:sldMk cId="817523821" sldId="2147375780"/>
            <ac:spMk id="2" creationId="{D4C81D36-EF32-47A4-A5F1-75AAF19273C0}"/>
          </ac:spMkLst>
        </pc:spChg>
        <pc:spChg chg="mod">
          <ac:chgData name="Jan Scheurich" userId="0f96fdce-ddbd-4bab-8e03-f9f0f63ef781" providerId="ADAL" clId="{2EDFD640-F4F3-4F11-92BF-B517DF1C7D6D}" dt="2023-02-21T11:59:44.518" v="2482" actId="20577"/>
          <ac:spMkLst>
            <pc:docMk/>
            <pc:sldMk cId="817523821" sldId="2147375780"/>
            <ac:spMk id="4" creationId="{B91ACFD8-EA0C-4CF4-8702-47F8E0E38CFB}"/>
          </ac:spMkLst>
        </pc:spChg>
        <pc:spChg chg="mod">
          <ac:chgData name="Jan Scheurich" userId="0f96fdce-ddbd-4bab-8e03-f9f0f63ef781" providerId="ADAL" clId="{2EDFD640-F4F3-4F11-92BF-B517DF1C7D6D}" dt="2023-02-21T11:59:37.230" v="2480" actId="20577"/>
          <ac:spMkLst>
            <pc:docMk/>
            <pc:sldMk cId="817523821" sldId="2147375780"/>
            <ac:spMk id="5" creationId="{AA23FCF2-F221-465C-AC69-5F78A7343393}"/>
          </ac:spMkLst>
        </pc:spChg>
        <pc:spChg chg="mod">
          <ac:chgData name="Jan Scheurich" userId="0f96fdce-ddbd-4bab-8e03-f9f0f63ef781" providerId="ADAL" clId="{2EDFD640-F4F3-4F11-92BF-B517DF1C7D6D}" dt="2023-02-17T14:20:47.891" v="94" actId="20577"/>
          <ac:spMkLst>
            <pc:docMk/>
            <pc:sldMk cId="817523821" sldId="2147375780"/>
            <ac:spMk id="15" creationId="{4D0700A3-A216-171A-6AF7-7D495940CF7F}"/>
          </ac:spMkLst>
        </pc:spChg>
        <pc:spChg chg="mod">
          <ac:chgData name="Jan Scheurich" userId="0f96fdce-ddbd-4bab-8e03-f9f0f63ef781" providerId="ADAL" clId="{2EDFD640-F4F3-4F11-92BF-B517DF1C7D6D}" dt="2023-02-17T14:26:01.348" v="128" actId="20577"/>
          <ac:spMkLst>
            <pc:docMk/>
            <pc:sldMk cId="817523821" sldId="2147375780"/>
            <ac:spMk id="16" creationId="{2D006AAB-B172-B6EF-7D9A-501F80904953}"/>
          </ac:spMkLst>
        </pc:spChg>
        <pc:spChg chg="mod">
          <ac:chgData name="Jan Scheurich" userId="0f96fdce-ddbd-4bab-8e03-f9f0f63ef781" providerId="ADAL" clId="{2EDFD640-F4F3-4F11-92BF-B517DF1C7D6D}" dt="2023-02-17T14:24:28.803" v="118" actId="208"/>
          <ac:spMkLst>
            <pc:docMk/>
            <pc:sldMk cId="817523821" sldId="2147375780"/>
            <ac:spMk id="38" creationId="{2C2296E9-3FF1-4B11-B75A-13AD4840F9D1}"/>
          </ac:spMkLst>
        </pc:spChg>
        <pc:spChg chg="mod">
          <ac:chgData name="Jan Scheurich" userId="0f96fdce-ddbd-4bab-8e03-f9f0f63ef781" providerId="ADAL" clId="{2EDFD640-F4F3-4F11-92BF-B517DF1C7D6D}" dt="2023-02-17T14:22:01.286" v="97" actId="207"/>
          <ac:spMkLst>
            <pc:docMk/>
            <pc:sldMk cId="817523821" sldId="2147375780"/>
            <ac:spMk id="111" creationId="{A3D5BA64-8942-4F96-9AC0-9C6D3794237F}"/>
          </ac:spMkLst>
        </pc:spChg>
        <pc:spChg chg="mod">
          <ac:chgData name="Jan Scheurich" userId="0f96fdce-ddbd-4bab-8e03-f9f0f63ef781" providerId="ADAL" clId="{2EDFD640-F4F3-4F11-92BF-B517DF1C7D6D}" dt="2023-02-17T14:22:17.812" v="99" actId="207"/>
          <ac:spMkLst>
            <pc:docMk/>
            <pc:sldMk cId="817523821" sldId="2147375780"/>
            <ac:spMk id="112" creationId="{9164AB8A-1E79-4150-92BB-C773C6C4F11F}"/>
          </ac:spMkLst>
        </pc:spChg>
        <pc:spChg chg="mod">
          <ac:chgData name="Jan Scheurich" userId="0f96fdce-ddbd-4bab-8e03-f9f0f63ef781" providerId="ADAL" clId="{2EDFD640-F4F3-4F11-92BF-B517DF1C7D6D}" dt="2023-02-17T14:22:08.156" v="98" actId="207"/>
          <ac:spMkLst>
            <pc:docMk/>
            <pc:sldMk cId="817523821" sldId="2147375780"/>
            <ac:spMk id="121" creationId="{1C702E1B-29C7-4C8C-AEDB-E517035B95E7}"/>
          </ac:spMkLst>
        </pc:spChg>
        <pc:spChg chg="mod">
          <ac:chgData name="Jan Scheurich" userId="0f96fdce-ddbd-4bab-8e03-f9f0f63ef781" providerId="ADAL" clId="{2EDFD640-F4F3-4F11-92BF-B517DF1C7D6D}" dt="2023-02-17T14:22:23.324" v="100" actId="207"/>
          <ac:spMkLst>
            <pc:docMk/>
            <pc:sldMk cId="817523821" sldId="2147375780"/>
            <ac:spMk id="122" creationId="{9A21C5FC-B49F-4EBA-95E8-3DE6B7DF0547}"/>
          </ac:spMkLst>
        </pc:spChg>
        <pc:spChg chg="mod">
          <ac:chgData name="Jan Scheurich" userId="0f96fdce-ddbd-4bab-8e03-f9f0f63ef781" providerId="ADAL" clId="{2EDFD640-F4F3-4F11-92BF-B517DF1C7D6D}" dt="2023-02-17T14:23:41.772" v="116" actId="3064"/>
          <ac:spMkLst>
            <pc:docMk/>
            <pc:sldMk cId="817523821" sldId="2147375780"/>
            <ac:spMk id="128" creationId="{15E0AE3E-E028-4D8C-9D5F-030D73D684A5}"/>
          </ac:spMkLst>
        </pc:spChg>
        <pc:spChg chg="mod">
          <ac:chgData name="Jan Scheurich" userId="0f96fdce-ddbd-4bab-8e03-f9f0f63ef781" providerId="ADAL" clId="{2EDFD640-F4F3-4F11-92BF-B517DF1C7D6D}" dt="2023-02-17T14:23:37.028" v="112" actId="3064"/>
          <ac:spMkLst>
            <pc:docMk/>
            <pc:sldMk cId="817523821" sldId="2147375780"/>
            <ac:spMk id="131" creationId="{40702090-2D7A-4695-9054-80B88233AD1F}"/>
          </ac:spMkLst>
        </pc:spChg>
        <pc:spChg chg="mod">
          <ac:chgData name="Jan Scheurich" userId="0f96fdce-ddbd-4bab-8e03-f9f0f63ef781" providerId="ADAL" clId="{2EDFD640-F4F3-4F11-92BF-B517DF1C7D6D}" dt="2023-02-17T14:23:30.636" v="108" actId="3064"/>
          <ac:spMkLst>
            <pc:docMk/>
            <pc:sldMk cId="817523821" sldId="2147375780"/>
            <ac:spMk id="134" creationId="{DB7C0843-C5E3-4FE1-993D-CF60A2F36C32}"/>
          </ac:spMkLst>
        </pc:spChg>
        <pc:spChg chg="mod">
          <ac:chgData name="Jan Scheurich" userId="0f96fdce-ddbd-4bab-8e03-f9f0f63ef781" providerId="ADAL" clId="{2EDFD640-F4F3-4F11-92BF-B517DF1C7D6D}" dt="2023-02-17T14:23:22.065" v="104" actId="3064"/>
          <ac:spMkLst>
            <pc:docMk/>
            <pc:sldMk cId="817523821" sldId="2147375780"/>
            <ac:spMk id="140" creationId="{69319C10-397B-48B6-AB21-276652BE6569}"/>
          </ac:spMkLst>
        </pc:spChg>
        <pc:spChg chg="add del">
          <ac:chgData name="Jan Scheurich" userId="0f96fdce-ddbd-4bab-8e03-f9f0f63ef781" providerId="ADAL" clId="{2EDFD640-F4F3-4F11-92BF-B517DF1C7D6D}" dt="2023-02-21T10:53:53.579" v="1910" actId="478"/>
          <ac:spMkLst>
            <pc:docMk/>
            <pc:sldMk cId="817523821" sldId="2147375780"/>
            <ac:spMk id="261" creationId="{4B0EF83A-D65A-4395-A855-236A898475D9}"/>
          </ac:spMkLst>
        </pc:spChg>
        <pc:spChg chg="del mod">
          <ac:chgData name="Jan Scheurich" userId="0f96fdce-ddbd-4bab-8e03-f9f0f63ef781" providerId="ADAL" clId="{2EDFD640-F4F3-4F11-92BF-B517DF1C7D6D}" dt="2023-02-21T10:53:56.684" v="1911" actId="478"/>
          <ac:spMkLst>
            <pc:docMk/>
            <pc:sldMk cId="817523821" sldId="2147375780"/>
            <ac:spMk id="263" creationId="{961848A5-0DA4-48DC-8B32-085251D03D68}"/>
          </ac:spMkLst>
        </pc:spChg>
      </pc:sldChg>
      <pc:sldChg chg="del mod modShow">
        <pc:chgData name="Jan Scheurich" userId="0f96fdce-ddbd-4bab-8e03-f9f0f63ef781" providerId="ADAL" clId="{2EDFD640-F4F3-4F11-92BF-B517DF1C7D6D}" dt="2023-02-17T14:25:45.561" v="120" actId="2696"/>
        <pc:sldMkLst>
          <pc:docMk/>
          <pc:sldMk cId="680116177" sldId="2147375781"/>
        </pc:sldMkLst>
      </pc:sldChg>
      <pc:sldChg chg="addSp modSp mod modCm">
        <pc:chgData name="Jan Scheurich" userId="0f96fdce-ddbd-4bab-8e03-f9f0f63ef781" providerId="ADAL" clId="{2EDFD640-F4F3-4F11-92BF-B517DF1C7D6D}" dt="2023-02-21T12:09:53.298" v="2779" actId="20577"/>
        <pc:sldMkLst>
          <pc:docMk/>
          <pc:sldMk cId="1527140223" sldId="2147375793"/>
        </pc:sldMkLst>
        <pc:spChg chg="mod">
          <ac:chgData name="Jan Scheurich" userId="0f96fdce-ddbd-4bab-8e03-f9f0f63ef781" providerId="ADAL" clId="{2EDFD640-F4F3-4F11-92BF-B517DF1C7D6D}" dt="2023-02-21T12:09:53.298" v="2779" actId="20577"/>
          <ac:spMkLst>
            <pc:docMk/>
            <pc:sldMk cId="1527140223" sldId="2147375793"/>
            <ac:spMk id="3" creationId="{4162DB2F-9943-76BD-FE2E-8AB04DFBAC06}"/>
          </ac:spMkLst>
        </pc:spChg>
        <pc:spChg chg="add mod">
          <ac:chgData name="Jan Scheurich" userId="0f96fdce-ddbd-4bab-8e03-f9f0f63ef781" providerId="ADAL" clId="{2EDFD640-F4F3-4F11-92BF-B517DF1C7D6D}" dt="2023-02-21T12:09:38.609" v="2777" actId="208"/>
          <ac:spMkLst>
            <pc:docMk/>
            <pc:sldMk cId="1527140223" sldId="2147375793"/>
            <ac:spMk id="4" creationId="{29CBDFB9-1A66-3BE7-6397-982FF730BBA8}"/>
          </ac:spMkLst>
        </pc:spChg>
      </pc:sldChg>
      <pc:sldChg chg="addSp delSp modSp mod modClrScheme modCm chgLayout">
        <pc:chgData name="Jan Scheurich" userId="0f96fdce-ddbd-4bab-8e03-f9f0f63ef781" providerId="ADAL" clId="{2EDFD640-F4F3-4F11-92BF-B517DF1C7D6D}" dt="2023-02-23T15:33:44.145" v="3123" actId="20577"/>
        <pc:sldMkLst>
          <pc:docMk/>
          <pc:sldMk cId="1245359931" sldId="2147469481"/>
        </pc:sldMkLst>
        <pc:spChg chg="mod ord">
          <ac:chgData name="Jan Scheurich" userId="0f96fdce-ddbd-4bab-8e03-f9f0f63ef781" providerId="ADAL" clId="{2EDFD640-F4F3-4F11-92BF-B517DF1C7D6D}" dt="2023-02-21T10:25:07.896" v="366" actId="20577"/>
          <ac:spMkLst>
            <pc:docMk/>
            <pc:sldMk cId="1245359931" sldId="2147469481"/>
            <ac:spMk id="2" creationId="{A5930668-76A1-6E54-02D3-3A0DDE2DDAB6}"/>
          </ac:spMkLst>
        </pc:spChg>
        <pc:spChg chg="del mod ord">
          <ac:chgData name="Jan Scheurich" userId="0f96fdce-ddbd-4bab-8e03-f9f0f63ef781" providerId="ADAL" clId="{2EDFD640-F4F3-4F11-92BF-B517DF1C7D6D}" dt="2023-02-21T09:57:14.416" v="132" actId="700"/>
          <ac:spMkLst>
            <pc:docMk/>
            <pc:sldMk cId="1245359931" sldId="2147469481"/>
            <ac:spMk id="3" creationId="{97925FD1-F7B3-38AE-C099-69D15D694BE0}"/>
          </ac:spMkLst>
        </pc:spChg>
        <pc:spChg chg="add mod ord">
          <ac:chgData name="Jan Scheurich" userId="0f96fdce-ddbd-4bab-8e03-f9f0f63ef781" providerId="ADAL" clId="{2EDFD640-F4F3-4F11-92BF-B517DF1C7D6D}" dt="2023-02-23T15:33:44.145" v="3123" actId="20577"/>
          <ac:spMkLst>
            <pc:docMk/>
            <pc:sldMk cId="1245359931" sldId="2147469481"/>
            <ac:spMk id="4" creationId="{732D3E45-D47A-5E47-42BC-56E431C66498}"/>
          </ac:spMkLst>
        </pc:spChg>
        <pc:spChg chg="del">
          <ac:chgData name="Jan Scheurich" userId="0f96fdce-ddbd-4bab-8e03-f9f0f63ef781" providerId="ADAL" clId="{2EDFD640-F4F3-4F11-92BF-B517DF1C7D6D}" dt="2023-02-21T09:57:21.665" v="135" actId="478"/>
          <ac:spMkLst>
            <pc:docMk/>
            <pc:sldMk cId="1245359931" sldId="2147469481"/>
            <ac:spMk id="6" creationId="{F952BB77-653F-3308-AAB9-CCCF9C3782F7}"/>
          </ac:spMkLst>
        </pc:spChg>
        <pc:spChg chg="add mod">
          <ac:chgData name="Jan Scheurich" userId="0f96fdce-ddbd-4bab-8e03-f9f0f63ef781" providerId="ADAL" clId="{2EDFD640-F4F3-4F11-92BF-B517DF1C7D6D}" dt="2023-02-21T10:37:58.197" v="1164" actId="1582"/>
          <ac:spMkLst>
            <pc:docMk/>
            <pc:sldMk cId="1245359931" sldId="2147469481"/>
            <ac:spMk id="7" creationId="{3A53D4F2-8B33-E49D-91DA-86E995C32BE9}"/>
          </ac:spMkLst>
        </pc:spChg>
        <pc:spChg chg="add mod">
          <ac:chgData name="Jan Scheurich" userId="0f96fdce-ddbd-4bab-8e03-f9f0f63ef781" providerId="ADAL" clId="{2EDFD640-F4F3-4F11-92BF-B517DF1C7D6D}" dt="2023-02-21T10:39:08.440" v="1222" actId="1076"/>
          <ac:spMkLst>
            <pc:docMk/>
            <pc:sldMk cId="1245359931" sldId="2147469481"/>
            <ac:spMk id="8" creationId="{A5C05951-48E2-A21D-EB83-B90A22035501}"/>
          </ac:spMkLst>
        </pc:spChg>
        <pc:picChg chg="mod">
          <ac:chgData name="Jan Scheurich" userId="0f96fdce-ddbd-4bab-8e03-f9f0f63ef781" providerId="ADAL" clId="{2EDFD640-F4F3-4F11-92BF-B517DF1C7D6D}" dt="2023-02-21T10:37:29.840" v="1162" actId="1076"/>
          <ac:picMkLst>
            <pc:docMk/>
            <pc:sldMk cId="1245359931" sldId="2147469481"/>
            <ac:picMk id="5" creationId="{97968453-6B18-AE92-30A2-D27492E1414A}"/>
          </ac:picMkLst>
        </pc:picChg>
      </pc:sldChg>
      <pc:sldChg chg="modSp mod">
        <pc:chgData name="Jan Scheurich" userId="0f96fdce-ddbd-4bab-8e03-f9f0f63ef781" providerId="ADAL" clId="{2EDFD640-F4F3-4F11-92BF-B517DF1C7D6D}" dt="2023-02-17T13:41:43.819" v="33" actId="6549"/>
        <pc:sldMkLst>
          <pc:docMk/>
          <pc:sldMk cId="2560409470" sldId="2147469485"/>
        </pc:sldMkLst>
        <pc:spChg chg="mod">
          <ac:chgData name="Jan Scheurich" userId="0f96fdce-ddbd-4bab-8e03-f9f0f63ef781" providerId="ADAL" clId="{2EDFD640-F4F3-4F11-92BF-B517DF1C7D6D}" dt="2023-02-17T13:41:43.819" v="33" actId="6549"/>
          <ac:spMkLst>
            <pc:docMk/>
            <pc:sldMk cId="2560409470" sldId="2147469485"/>
            <ac:spMk id="2" creationId="{ECCA9D0C-24A3-5F7B-32B4-40B48B03DEA9}"/>
          </ac:spMkLst>
        </pc:spChg>
      </pc:sldChg>
      <pc:sldChg chg="addSp modSp mod modClrScheme chgLayout">
        <pc:chgData name="Jan Scheurich" userId="0f96fdce-ddbd-4bab-8e03-f9f0f63ef781" providerId="ADAL" clId="{2EDFD640-F4F3-4F11-92BF-B517DF1C7D6D}" dt="2023-02-22T09:36:28.874" v="3115" actId="20577"/>
        <pc:sldMkLst>
          <pc:docMk/>
          <pc:sldMk cId="876791639" sldId="2147469486"/>
        </pc:sldMkLst>
        <pc:spChg chg="mod ord">
          <ac:chgData name="Jan Scheurich" userId="0f96fdce-ddbd-4bab-8e03-f9f0f63ef781" providerId="ADAL" clId="{2EDFD640-F4F3-4F11-92BF-B517DF1C7D6D}" dt="2023-02-22T09:36:28.874" v="3115" actId="20577"/>
          <ac:spMkLst>
            <pc:docMk/>
            <pc:sldMk cId="876791639" sldId="2147469486"/>
            <ac:spMk id="2" creationId="{76B5E180-29AD-BCE2-7806-29D2EC6E153C}"/>
          </ac:spMkLst>
        </pc:spChg>
        <pc:spChg chg="add mod ord">
          <ac:chgData name="Jan Scheurich" userId="0f96fdce-ddbd-4bab-8e03-f9f0f63ef781" providerId="ADAL" clId="{2EDFD640-F4F3-4F11-92BF-B517DF1C7D6D}" dt="2023-02-21T11:01:23.520" v="1974" actId="14100"/>
          <ac:spMkLst>
            <pc:docMk/>
            <pc:sldMk cId="876791639" sldId="2147469486"/>
            <ac:spMk id="4" creationId="{60824867-80C9-E956-D690-5B5C178B5811}"/>
          </ac:spMkLst>
        </pc:spChg>
        <pc:spChg chg="add mod">
          <ac:chgData name="Jan Scheurich" userId="0f96fdce-ddbd-4bab-8e03-f9f0f63ef781" providerId="ADAL" clId="{2EDFD640-F4F3-4F11-92BF-B517DF1C7D6D}" dt="2023-02-21T10:52:13.832" v="1898" actId="20577"/>
          <ac:spMkLst>
            <pc:docMk/>
            <pc:sldMk cId="876791639" sldId="2147469486"/>
            <ac:spMk id="5" creationId="{C92AE774-3B29-EFAE-D370-08719A3730E3}"/>
          </ac:spMkLst>
        </pc:spChg>
        <pc:picChg chg="mod">
          <ac:chgData name="Jan Scheurich" userId="0f96fdce-ddbd-4bab-8e03-f9f0f63ef781" providerId="ADAL" clId="{2EDFD640-F4F3-4F11-92BF-B517DF1C7D6D}" dt="2023-02-21T10:52:18.501" v="1900" actId="1076"/>
          <ac:picMkLst>
            <pc:docMk/>
            <pc:sldMk cId="876791639" sldId="2147469486"/>
            <ac:picMk id="3" creationId="{09E7D6F0-D544-0E49-2D86-2C7CF7BFE9E5}"/>
          </ac:picMkLst>
        </pc:picChg>
      </pc:sldChg>
      <pc:sldChg chg="addSp delSp modSp mod">
        <pc:chgData name="Jan Scheurich" userId="0f96fdce-ddbd-4bab-8e03-f9f0f63ef781" providerId="ADAL" clId="{2EDFD640-F4F3-4F11-92BF-B517DF1C7D6D}" dt="2023-02-23T15:32:58.845" v="3118" actId="20577"/>
        <pc:sldMkLst>
          <pc:docMk/>
          <pc:sldMk cId="3071953759" sldId="2147469487"/>
        </pc:sldMkLst>
        <pc:spChg chg="mod">
          <ac:chgData name="Jan Scheurich" userId="0f96fdce-ddbd-4bab-8e03-f9f0f63ef781" providerId="ADAL" clId="{2EDFD640-F4F3-4F11-92BF-B517DF1C7D6D}" dt="2023-02-21T09:58:50.710" v="191" actId="20577"/>
          <ac:spMkLst>
            <pc:docMk/>
            <pc:sldMk cId="3071953759" sldId="2147469487"/>
            <ac:spMk id="2" creationId="{160C60B7-76F0-407E-BA95-EE55A26F2623}"/>
          </ac:spMkLst>
        </pc:spChg>
        <pc:spChg chg="mod">
          <ac:chgData name="Jan Scheurich" userId="0f96fdce-ddbd-4bab-8e03-f9f0f63ef781" providerId="ADAL" clId="{2EDFD640-F4F3-4F11-92BF-B517DF1C7D6D}" dt="2023-02-21T11:14:01.770" v="2262" actId="1076"/>
          <ac:spMkLst>
            <pc:docMk/>
            <pc:sldMk cId="3071953759" sldId="2147469487"/>
            <ac:spMk id="3" creationId="{2C9602FB-36C1-4E14-9053-A99C8E8B8560}"/>
          </ac:spMkLst>
        </pc:spChg>
        <pc:spChg chg="mod">
          <ac:chgData name="Jan Scheurich" userId="0f96fdce-ddbd-4bab-8e03-f9f0f63ef781" providerId="ADAL" clId="{2EDFD640-F4F3-4F11-92BF-B517DF1C7D6D}" dt="2023-02-21T11:14:08.764" v="2266" actId="1035"/>
          <ac:spMkLst>
            <pc:docMk/>
            <pc:sldMk cId="3071953759" sldId="2147469487"/>
            <ac:spMk id="4" creationId="{D3C58B6A-5F34-4485-9973-9A660FB09C60}"/>
          </ac:spMkLst>
        </pc:spChg>
        <pc:spChg chg="mod">
          <ac:chgData name="Jan Scheurich" userId="0f96fdce-ddbd-4bab-8e03-f9f0f63ef781" providerId="ADAL" clId="{2EDFD640-F4F3-4F11-92BF-B517DF1C7D6D}" dt="2023-02-21T11:14:08.764" v="2266" actId="1035"/>
          <ac:spMkLst>
            <pc:docMk/>
            <pc:sldMk cId="3071953759" sldId="2147469487"/>
            <ac:spMk id="5" creationId="{0F87F62D-5BB9-4359-9EED-572193036968}"/>
          </ac:spMkLst>
        </pc:spChg>
        <pc:spChg chg="mod">
          <ac:chgData name="Jan Scheurich" userId="0f96fdce-ddbd-4bab-8e03-f9f0f63ef781" providerId="ADAL" clId="{2EDFD640-F4F3-4F11-92BF-B517DF1C7D6D}" dt="2023-02-21T11:12:17.373" v="2241" actId="1038"/>
          <ac:spMkLst>
            <pc:docMk/>
            <pc:sldMk cId="3071953759" sldId="2147469487"/>
            <ac:spMk id="6" creationId="{FEEDE28C-3623-4A2B-B808-50021B8F58F7}"/>
          </ac:spMkLst>
        </pc:spChg>
        <pc:spChg chg="mod">
          <ac:chgData name="Jan Scheurich" userId="0f96fdce-ddbd-4bab-8e03-f9f0f63ef781" providerId="ADAL" clId="{2EDFD640-F4F3-4F11-92BF-B517DF1C7D6D}" dt="2023-02-21T11:12:17.373" v="2241" actId="1038"/>
          <ac:spMkLst>
            <pc:docMk/>
            <pc:sldMk cId="3071953759" sldId="2147469487"/>
            <ac:spMk id="7" creationId="{A5AE7185-A40C-4148-860D-A06408444F3C}"/>
          </ac:spMkLst>
        </pc:spChg>
        <pc:spChg chg="mod">
          <ac:chgData name="Jan Scheurich" userId="0f96fdce-ddbd-4bab-8e03-f9f0f63ef781" providerId="ADAL" clId="{2EDFD640-F4F3-4F11-92BF-B517DF1C7D6D}" dt="2023-02-21T11:12:17.373" v="2241" actId="1038"/>
          <ac:spMkLst>
            <pc:docMk/>
            <pc:sldMk cId="3071953759" sldId="2147469487"/>
            <ac:spMk id="8" creationId="{505302C4-F26F-4112-9944-4A6E31D73BED}"/>
          </ac:spMkLst>
        </pc:spChg>
        <pc:spChg chg="mod">
          <ac:chgData name="Jan Scheurich" userId="0f96fdce-ddbd-4bab-8e03-f9f0f63ef781" providerId="ADAL" clId="{2EDFD640-F4F3-4F11-92BF-B517DF1C7D6D}" dt="2023-02-21T11:13:41.810" v="2251" actId="1076"/>
          <ac:spMkLst>
            <pc:docMk/>
            <pc:sldMk cId="3071953759" sldId="2147469487"/>
            <ac:spMk id="10" creationId="{47BABA3F-40E2-E1F3-9553-F09EAC7774CF}"/>
          </ac:spMkLst>
        </pc:spChg>
        <pc:spChg chg="mod">
          <ac:chgData name="Jan Scheurich" userId="0f96fdce-ddbd-4bab-8e03-f9f0f63ef781" providerId="ADAL" clId="{2EDFD640-F4F3-4F11-92BF-B517DF1C7D6D}" dt="2023-02-21T11:09:22.307" v="2173" actId="1038"/>
          <ac:spMkLst>
            <pc:docMk/>
            <pc:sldMk cId="3071953759" sldId="2147469487"/>
            <ac:spMk id="11" creationId="{3CE56159-1AF5-5F95-0DEA-48C301C4D8D4}"/>
          </ac:spMkLst>
        </pc:spChg>
        <pc:spChg chg="mod">
          <ac:chgData name="Jan Scheurich" userId="0f96fdce-ddbd-4bab-8e03-f9f0f63ef781" providerId="ADAL" clId="{2EDFD640-F4F3-4F11-92BF-B517DF1C7D6D}" dt="2023-02-21T11:14:52.985" v="2276" actId="20577"/>
          <ac:spMkLst>
            <pc:docMk/>
            <pc:sldMk cId="3071953759" sldId="2147469487"/>
            <ac:spMk id="12" creationId="{36A183F8-9B3E-4199-89FB-1CD25825D2BB}"/>
          </ac:spMkLst>
        </pc:spChg>
        <pc:spChg chg="mod">
          <ac:chgData name="Jan Scheurich" userId="0f96fdce-ddbd-4bab-8e03-f9f0f63ef781" providerId="ADAL" clId="{2EDFD640-F4F3-4F11-92BF-B517DF1C7D6D}" dt="2023-02-21T11:03:43.452" v="2006" actId="1036"/>
          <ac:spMkLst>
            <pc:docMk/>
            <pc:sldMk cId="3071953759" sldId="2147469487"/>
            <ac:spMk id="17" creationId="{7051A87C-B608-4C1F-9E4F-04F01EBAC8F0}"/>
          </ac:spMkLst>
        </pc:spChg>
        <pc:spChg chg="mod">
          <ac:chgData name="Jan Scheurich" userId="0f96fdce-ddbd-4bab-8e03-f9f0f63ef781" providerId="ADAL" clId="{2EDFD640-F4F3-4F11-92BF-B517DF1C7D6D}" dt="2023-02-21T11:11:04.853" v="2214" actId="20577"/>
          <ac:spMkLst>
            <pc:docMk/>
            <pc:sldMk cId="3071953759" sldId="2147469487"/>
            <ac:spMk id="18" creationId="{1667B6E9-B7D8-4DAC-AEC8-8391AA9AA112}"/>
          </ac:spMkLst>
        </pc:spChg>
        <pc:spChg chg="mod">
          <ac:chgData name="Jan Scheurich" userId="0f96fdce-ddbd-4bab-8e03-f9f0f63ef781" providerId="ADAL" clId="{2EDFD640-F4F3-4F11-92BF-B517DF1C7D6D}" dt="2023-02-21T11:11:55.363" v="2221" actId="6549"/>
          <ac:spMkLst>
            <pc:docMk/>
            <pc:sldMk cId="3071953759" sldId="2147469487"/>
            <ac:spMk id="19" creationId="{06599F55-ACE7-45C0-9F84-A307E98E611F}"/>
          </ac:spMkLst>
        </pc:spChg>
        <pc:spChg chg="mod">
          <ac:chgData name="Jan Scheurich" userId="0f96fdce-ddbd-4bab-8e03-f9f0f63ef781" providerId="ADAL" clId="{2EDFD640-F4F3-4F11-92BF-B517DF1C7D6D}" dt="2023-02-21T11:03:43.452" v="2006" actId="1036"/>
          <ac:spMkLst>
            <pc:docMk/>
            <pc:sldMk cId="3071953759" sldId="2147469487"/>
            <ac:spMk id="20" creationId="{1A424CE3-B43E-4441-A238-CB3850C9D302}"/>
          </ac:spMkLst>
        </pc:spChg>
        <pc:spChg chg="mod">
          <ac:chgData name="Jan Scheurich" userId="0f96fdce-ddbd-4bab-8e03-f9f0f63ef781" providerId="ADAL" clId="{2EDFD640-F4F3-4F11-92BF-B517DF1C7D6D}" dt="2023-02-21T11:12:30.544" v="2243" actId="1036"/>
          <ac:spMkLst>
            <pc:docMk/>
            <pc:sldMk cId="3071953759" sldId="2147469487"/>
            <ac:spMk id="21" creationId="{01E63584-8874-42B0-97F3-05023DE0F6E0}"/>
          </ac:spMkLst>
        </pc:spChg>
        <pc:spChg chg="mod">
          <ac:chgData name="Jan Scheurich" userId="0f96fdce-ddbd-4bab-8e03-f9f0f63ef781" providerId="ADAL" clId="{2EDFD640-F4F3-4F11-92BF-B517DF1C7D6D}" dt="2023-02-21T11:03:43.452" v="2006" actId="1036"/>
          <ac:spMkLst>
            <pc:docMk/>
            <pc:sldMk cId="3071953759" sldId="2147469487"/>
            <ac:spMk id="22" creationId="{DF665670-E2A0-4605-9504-3FE343B4D9A0}"/>
          </ac:spMkLst>
        </pc:spChg>
        <pc:spChg chg="mod">
          <ac:chgData name="Jan Scheurich" userId="0f96fdce-ddbd-4bab-8e03-f9f0f63ef781" providerId="ADAL" clId="{2EDFD640-F4F3-4F11-92BF-B517DF1C7D6D}" dt="2023-02-21T11:03:43.452" v="2006" actId="1036"/>
          <ac:spMkLst>
            <pc:docMk/>
            <pc:sldMk cId="3071953759" sldId="2147469487"/>
            <ac:spMk id="23" creationId="{FB7F5A43-8D08-4EE8-9111-6966D6039059}"/>
          </ac:spMkLst>
        </pc:spChg>
        <pc:spChg chg="mod">
          <ac:chgData name="Jan Scheurich" userId="0f96fdce-ddbd-4bab-8e03-f9f0f63ef781" providerId="ADAL" clId="{2EDFD640-F4F3-4F11-92BF-B517DF1C7D6D}" dt="2023-02-21T09:59:12.792" v="199" actId="20577"/>
          <ac:spMkLst>
            <pc:docMk/>
            <pc:sldMk cId="3071953759" sldId="2147469487"/>
            <ac:spMk id="24" creationId="{3A83BD54-5BB4-F668-85BF-832C4E2522E4}"/>
          </ac:spMkLst>
        </pc:spChg>
        <pc:spChg chg="mod">
          <ac:chgData name="Jan Scheurich" userId="0f96fdce-ddbd-4bab-8e03-f9f0f63ef781" providerId="ADAL" clId="{2EDFD640-F4F3-4F11-92BF-B517DF1C7D6D}" dt="2023-02-21T09:58:59.808" v="192" actId="1076"/>
          <ac:spMkLst>
            <pc:docMk/>
            <pc:sldMk cId="3071953759" sldId="2147469487"/>
            <ac:spMk id="25" creationId="{CF5CD4FB-24F5-7C25-CBC8-3AADB24BD181}"/>
          </ac:spMkLst>
        </pc:spChg>
        <pc:spChg chg="mod">
          <ac:chgData name="Jan Scheurich" userId="0f96fdce-ddbd-4bab-8e03-f9f0f63ef781" providerId="ADAL" clId="{2EDFD640-F4F3-4F11-92BF-B517DF1C7D6D}" dt="2023-02-21T09:58:59.808" v="192" actId="1076"/>
          <ac:spMkLst>
            <pc:docMk/>
            <pc:sldMk cId="3071953759" sldId="2147469487"/>
            <ac:spMk id="26" creationId="{3272AD71-715D-24A1-111A-9AE95230B739}"/>
          </ac:spMkLst>
        </pc:spChg>
        <pc:spChg chg="add mod">
          <ac:chgData name="Jan Scheurich" userId="0f96fdce-ddbd-4bab-8e03-f9f0f63ef781" providerId="ADAL" clId="{2EDFD640-F4F3-4F11-92BF-B517DF1C7D6D}" dt="2023-02-21T11:08:10.905" v="2152" actId="1076"/>
          <ac:spMkLst>
            <pc:docMk/>
            <pc:sldMk cId="3071953759" sldId="2147469487"/>
            <ac:spMk id="31" creationId="{59E25066-7C74-FBBD-53DC-E8A1A73BD496}"/>
          </ac:spMkLst>
        </pc:spChg>
        <pc:spChg chg="mod">
          <ac:chgData name="Jan Scheurich" userId="0f96fdce-ddbd-4bab-8e03-f9f0f63ef781" providerId="ADAL" clId="{2EDFD640-F4F3-4F11-92BF-B517DF1C7D6D}" dt="2023-02-21T11:03:43.452" v="2006" actId="1036"/>
          <ac:spMkLst>
            <pc:docMk/>
            <pc:sldMk cId="3071953759" sldId="2147469487"/>
            <ac:spMk id="38" creationId="{E9939C64-B135-41E6-8E6A-56C1B1526C04}"/>
          </ac:spMkLst>
        </pc:spChg>
        <pc:spChg chg="mod">
          <ac:chgData name="Jan Scheurich" userId="0f96fdce-ddbd-4bab-8e03-f9f0f63ef781" providerId="ADAL" clId="{2EDFD640-F4F3-4F11-92BF-B517DF1C7D6D}" dt="2023-02-21T11:06:44.712" v="2116" actId="20577"/>
          <ac:spMkLst>
            <pc:docMk/>
            <pc:sldMk cId="3071953759" sldId="2147469487"/>
            <ac:spMk id="39" creationId="{8F4F2E9B-1D65-4D0B-8C78-5E105A0CD52B}"/>
          </ac:spMkLst>
        </pc:spChg>
        <pc:spChg chg="mod">
          <ac:chgData name="Jan Scheurich" userId="0f96fdce-ddbd-4bab-8e03-f9f0f63ef781" providerId="ADAL" clId="{2EDFD640-F4F3-4F11-92BF-B517DF1C7D6D}" dt="2023-02-21T11:12:17.373" v="2241" actId="1038"/>
          <ac:spMkLst>
            <pc:docMk/>
            <pc:sldMk cId="3071953759" sldId="2147469487"/>
            <ac:spMk id="67" creationId="{08590E39-9C8A-4311-93DF-FBE1F25653B2}"/>
          </ac:spMkLst>
        </pc:spChg>
        <pc:spChg chg="mod">
          <ac:chgData name="Jan Scheurich" userId="0f96fdce-ddbd-4bab-8e03-f9f0f63ef781" providerId="ADAL" clId="{2EDFD640-F4F3-4F11-92BF-B517DF1C7D6D}" dt="2023-02-21T11:15:19.752" v="2280" actId="14100"/>
          <ac:spMkLst>
            <pc:docMk/>
            <pc:sldMk cId="3071953759" sldId="2147469487"/>
            <ac:spMk id="68" creationId="{12987EBC-ADC0-43F6-B0A0-A515C49A937C}"/>
          </ac:spMkLst>
        </pc:spChg>
        <pc:spChg chg="mod">
          <ac:chgData name="Jan Scheurich" userId="0f96fdce-ddbd-4bab-8e03-f9f0f63ef781" providerId="ADAL" clId="{2EDFD640-F4F3-4F11-92BF-B517DF1C7D6D}" dt="2023-02-21T11:11:11.065" v="2216" actId="20577"/>
          <ac:spMkLst>
            <pc:docMk/>
            <pc:sldMk cId="3071953759" sldId="2147469487"/>
            <ac:spMk id="72" creationId="{D0432547-1A0B-4678-896F-FD1821C7B8DE}"/>
          </ac:spMkLst>
        </pc:spChg>
        <pc:spChg chg="mod">
          <ac:chgData name="Jan Scheurich" userId="0f96fdce-ddbd-4bab-8e03-f9f0f63ef781" providerId="ADAL" clId="{2EDFD640-F4F3-4F11-92BF-B517DF1C7D6D}" dt="2023-02-21T11:13:36.192" v="2249" actId="14100"/>
          <ac:spMkLst>
            <pc:docMk/>
            <pc:sldMk cId="3071953759" sldId="2147469487"/>
            <ac:spMk id="99" creationId="{25989FAE-A2D1-42B9-B00E-47FC2D48B7EF}"/>
          </ac:spMkLst>
        </pc:spChg>
        <pc:spChg chg="mod">
          <ac:chgData name="Jan Scheurich" userId="0f96fdce-ddbd-4bab-8e03-f9f0f63ef781" providerId="ADAL" clId="{2EDFD640-F4F3-4F11-92BF-B517DF1C7D6D}" dt="2023-02-21T11:12:17.373" v="2241" actId="1038"/>
          <ac:spMkLst>
            <pc:docMk/>
            <pc:sldMk cId="3071953759" sldId="2147469487"/>
            <ac:spMk id="102" creationId="{56342285-F17F-4371-8024-772A5327A29A}"/>
          </ac:spMkLst>
        </pc:spChg>
        <pc:spChg chg="mod">
          <ac:chgData name="Jan Scheurich" userId="0f96fdce-ddbd-4bab-8e03-f9f0f63ef781" providerId="ADAL" clId="{2EDFD640-F4F3-4F11-92BF-B517DF1C7D6D}" dt="2023-02-21T11:12:17.373" v="2241" actId="1038"/>
          <ac:spMkLst>
            <pc:docMk/>
            <pc:sldMk cId="3071953759" sldId="2147469487"/>
            <ac:spMk id="108" creationId="{6A1D8FBB-CBDD-495E-9585-CD49C0548B6E}"/>
          </ac:spMkLst>
        </pc:spChg>
        <pc:spChg chg="mod">
          <ac:chgData name="Jan Scheurich" userId="0f96fdce-ddbd-4bab-8e03-f9f0f63ef781" providerId="ADAL" clId="{2EDFD640-F4F3-4F11-92BF-B517DF1C7D6D}" dt="2023-02-21T11:03:43.452" v="2006" actId="1036"/>
          <ac:spMkLst>
            <pc:docMk/>
            <pc:sldMk cId="3071953759" sldId="2147469487"/>
            <ac:spMk id="115" creationId="{5B1C03BD-6A61-4E19-96A2-91AA2E4C7804}"/>
          </ac:spMkLst>
        </pc:spChg>
        <pc:spChg chg="mod">
          <ac:chgData name="Jan Scheurich" userId="0f96fdce-ddbd-4bab-8e03-f9f0f63ef781" providerId="ADAL" clId="{2EDFD640-F4F3-4F11-92BF-B517DF1C7D6D}" dt="2023-02-22T09:33:46.641" v="3077" actId="20577"/>
          <ac:spMkLst>
            <pc:docMk/>
            <pc:sldMk cId="3071953759" sldId="2147469487"/>
            <ac:spMk id="116" creationId="{CAA54709-24FB-47AD-AA65-E2455AA9E72F}"/>
          </ac:spMkLst>
        </pc:spChg>
        <pc:spChg chg="mod">
          <ac:chgData name="Jan Scheurich" userId="0f96fdce-ddbd-4bab-8e03-f9f0f63ef781" providerId="ADAL" clId="{2EDFD640-F4F3-4F11-92BF-B517DF1C7D6D}" dt="2023-02-21T11:09:22.307" v="2173" actId="1038"/>
          <ac:spMkLst>
            <pc:docMk/>
            <pc:sldMk cId="3071953759" sldId="2147469487"/>
            <ac:spMk id="119" creationId="{2D799242-06B4-4B7B-BEAC-5041D4A0B104}"/>
          </ac:spMkLst>
        </pc:spChg>
        <pc:spChg chg="mod">
          <ac:chgData name="Jan Scheurich" userId="0f96fdce-ddbd-4bab-8e03-f9f0f63ef781" providerId="ADAL" clId="{2EDFD640-F4F3-4F11-92BF-B517DF1C7D6D}" dt="2023-02-21T11:12:25.858" v="2242" actId="14100"/>
          <ac:spMkLst>
            <pc:docMk/>
            <pc:sldMk cId="3071953759" sldId="2147469487"/>
            <ac:spMk id="121" creationId="{0DF0D14E-6C7F-4714-8204-28C2E5CFD2E8}"/>
          </ac:spMkLst>
        </pc:spChg>
        <pc:spChg chg="mod">
          <ac:chgData name="Jan Scheurich" userId="0f96fdce-ddbd-4bab-8e03-f9f0f63ef781" providerId="ADAL" clId="{2EDFD640-F4F3-4F11-92BF-B517DF1C7D6D}" dt="2023-02-21T11:12:17.373" v="2241" actId="1038"/>
          <ac:spMkLst>
            <pc:docMk/>
            <pc:sldMk cId="3071953759" sldId="2147469487"/>
            <ac:spMk id="129" creationId="{FDC24216-217E-421E-8DBD-85E976EFFBC7}"/>
          </ac:spMkLst>
        </pc:spChg>
        <pc:spChg chg="mod">
          <ac:chgData name="Jan Scheurich" userId="0f96fdce-ddbd-4bab-8e03-f9f0f63ef781" providerId="ADAL" clId="{2EDFD640-F4F3-4F11-92BF-B517DF1C7D6D}" dt="2023-02-17T14:18:53.432" v="60" actId="207"/>
          <ac:spMkLst>
            <pc:docMk/>
            <pc:sldMk cId="3071953759" sldId="2147469487"/>
            <ac:spMk id="232" creationId="{9EEC9183-D3C8-071A-44B1-633E48141999}"/>
          </ac:spMkLst>
        </pc:spChg>
        <pc:spChg chg="mod">
          <ac:chgData name="Jan Scheurich" userId="0f96fdce-ddbd-4bab-8e03-f9f0f63ef781" providerId="ADAL" clId="{2EDFD640-F4F3-4F11-92BF-B517DF1C7D6D}" dt="2023-02-23T15:32:58.845" v="3118" actId="20577"/>
          <ac:spMkLst>
            <pc:docMk/>
            <pc:sldMk cId="3071953759" sldId="2147469487"/>
            <ac:spMk id="291" creationId="{93B98CE6-597D-4E81-A168-EF4D7F5BA76A}"/>
          </ac:spMkLst>
        </pc:spChg>
        <pc:spChg chg="mod">
          <ac:chgData name="Jan Scheurich" userId="0f96fdce-ddbd-4bab-8e03-f9f0f63ef781" providerId="ADAL" clId="{2EDFD640-F4F3-4F11-92BF-B517DF1C7D6D}" dt="2023-02-22T09:35:08.117" v="3103" actId="20577"/>
          <ac:spMkLst>
            <pc:docMk/>
            <pc:sldMk cId="3071953759" sldId="2147469487"/>
            <ac:spMk id="343" creationId="{58D1B885-28AA-4298-8A00-A4F98264C0F7}"/>
          </ac:spMkLst>
        </pc:spChg>
        <pc:cxnChg chg="add mod">
          <ac:chgData name="Jan Scheurich" userId="0f96fdce-ddbd-4bab-8e03-f9f0f63ef781" providerId="ADAL" clId="{2EDFD640-F4F3-4F11-92BF-B517DF1C7D6D}" dt="2023-02-21T11:15:24.690" v="2281" actId="14100"/>
          <ac:cxnSpMkLst>
            <pc:docMk/>
            <pc:sldMk cId="3071953759" sldId="2147469487"/>
            <ac:cxnSpMk id="15" creationId="{6140EDF0-3ECB-35C5-6C9B-F59AB3D4FB98}"/>
          </ac:cxnSpMkLst>
        </pc:cxnChg>
        <pc:cxnChg chg="add mod">
          <ac:chgData name="Jan Scheurich" userId="0f96fdce-ddbd-4bab-8e03-f9f0f63ef781" providerId="ADAL" clId="{2EDFD640-F4F3-4F11-92BF-B517DF1C7D6D}" dt="2023-02-21T11:06:10.768" v="2040" actId="14100"/>
          <ac:cxnSpMkLst>
            <pc:docMk/>
            <pc:sldMk cId="3071953759" sldId="2147469487"/>
            <ac:cxnSpMk id="16" creationId="{80EB3160-F219-BF7D-FD12-29A3C6FCD798}"/>
          </ac:cxnSpMkLst>
        </pc:cxnChg>
        <pc:cxnChg chg="mod">
          <ac:chgData name="Jan Scheurich" userId="0f96fdce-ddbd-4bab-8e03-f9f0f63ef781" providerId="ADAL" clId="{2EDFD640-F4F3-4F11-92BF-B517DF1C7D6D}" dt="2023-02-21T11:14:28.473" v="2268" actId="14100"/>
          <ac:cxnSpMkLst>
            <pc:docMk/>
            <pc:sldMk cId="3071953759" sldId="2147469487"/>
            <ac:cxnSpMk id="32" creationId="{3E4BC078-9E95-4E41-8C5D-6468D0543A08}"/>
          </ac:cxnSpMkLst>
        </pc:cxnChg>
        <pc:cxnChg chg="mod">
          <ac:chgData name="Jan Scheurich" userId="0f96fdce-ddbd-4bab-8e03-f9f0f63ef781" providerId="ADAL" clId="{2EDFD640-F4F3-4F11-92BF-B517DF1C7D6D}" dt="2023-02-21T11:14:32.330" v="2269" actId="14100"/>
          <ac:cxnSpMkLst>
            <pc:docMk/>
            <pc:sldMk cId="3071953759" sldId="2147469487"/>
            <ac:cxnSpMk id="35" creationId="{DAFEC3FE-1865-480E-A59D-8D126480834B}"/>
          </ac:cxnSpMkLst>
        </pc:cxnChg>
        <pc:cxnChg chg="add mod">
          <ac:chgData name="Jan Scheurich" userId="0f96fdce-ddbd-4bab-8e03-f9f0f63ef781" providerId="ADAL" clId="{2EDFD640-F4F3-4F11-92BF-B517DF1C7D6D}" dt="2023-02-21T11:11:21.609" v="2217" actId="14100"/>
          <ac:cxnSpMkLst>
            <pc:docMk/>
            <pc:sldMk cId="3071953759" sldId="2147469487"/>
            <ac:cxnSpMk id="40" creationId="{A843A608-76F0-73B8-3657-276255DCC2BD}"/>
          </ac:cxnSpMkLst>
        </pc:cxnChg>
        <pc:cxnChg chg="mod">
          <ac:chgData name="Jan Scheurich" userId="0f96fdce-ddbd-4bab-8e03-f9f0f63ef781" providerId="ADAL" clId="{2EDFD640-F4F3-4F11-92BF-B517DF1C7D6D}" dt="2023-02-21T11:03:43.452" v="2006" actId="1036"/>
          <ac:cxnSpMkLst>
            <pc:docMk/>
            <pc:sldMk cId="3071953759" sldId="2147469487"/>
            <ac:cxnSpMk id="43" creationId="{46FD9E4B-EC6A-4870-8497-0BA4188912DD}"/>
          </ac:cxnSpMkLst>
        </pc:cxnChg>
        <pc:cxnChg chg="mod">
          <ac:chgData name="Jan Scheurich" userId="0f96fdce-ddbd-4bab-8e03-f9f0f63ef781" providerId="ADAL" clId="{2EDFD640-F4F3-4F11-92BF-B517DF1C7D6D}" dt="2023-02-21T11:10:42.255" v="2209" actId="1037"/>
          <ac:cxnSpMkLst>
            <pc:docMk/>
            <pc:sldMk cId="3071953759" sldId="2147469487"/>
            <ac:cxnSpMk id="54" creationId="{4561F7C7-6930-4FBE-BFEF-CA7FAF40FE41}"/>
          </ac:cxnSpMkLst>
        </pc:cxnChg>
        <pc:cxnChg chg="mod">
          <ac:chgData name="Jan Scheurich" userId="0f96fdce-ddbd-4bab-8e03-f9f0f63ef781" providerId="ADAL" clId="{2EDFD640-F4F3-4F11-92BF-B517DF1C7D6D}" dt="2023-02-21T11:12:30.544" v="2243" actId="1036"/>
          <ac:cxnSpMkLst>
            <pc:docMk/>
            <pc:sldMk cId="3071953759" sldId="2147469487"/>
            <ac:cxnSpMk id="58" creationId="{091F6E80-6A69-4908-B8B8-C9EB7C2ADBE7}"/>
          </ac:cxnSpMkLst>
        </pc:cxnChg>
        <pc:cxnChg chg="mod">
          <ac:chgData name="Jan Scheurich" userId="0f96fdce-ddbd-4bab-8e03-f9f0f63ef781" providerId="ADAL" clId="{2EDFD640-F4F3-4F11-92BF-B517DF1C7D6D}" dt="2023-02-21T11:03:43.452" v="2006" actId="1036"/>
          <ac:cxnSpMkLst>
            <pc:docMk/>
            <pc:sldMk cId="3071953759" sldId="2147469487"/>
            <ac:cxnSpMk id="61" creationId="{3C749676-0601-4B3B-BCE7-B074E4D50E8F}"/>
          </ac:cxnSpMkLst>
        </pc:cxnChg>
        <pc:cxnChg chg="mod">
          <ac:chgData name="Jan Scheurich" userId="0f96fdce-ddbd-4bab-8e03-f9f0f63ef781" providerId="ADAL" clId="{2EDFD640-F4F3-4F11-92BF-B517DF1C7D6D}" dt="2023-02-21T11:04:52.697" v="2015" actId="14100"/>
          <ac:cxnSpMkLst>
            <pc:docMk/>
            <pc:sldMk cId="3071953759" sldId="2147469487"/>
            <ac:cxnSpMk id="64" creationId="{B1F47901-059B-433F-84D7-2F2147D2F4E6}"/>
          </ac:cxnSpMkLst>
        </pc:cxnChg>
        <pc:cxnChg chg="mod">
          <ac:chgData name="Jan Scheurich" userId="0f96fdce-ddbd-4bab-8e03-f9f0f63ef781" providerId="ADAL" clId="{2EDFD640-F4F3-4F11-92BF-B517DF1C7D6D}" dt="2023-02-21T11:03:23.619" v="1976" actId="692"/>
          <ac:cxnSpMkLst>
            <pc:docMk/>
            <pc:sldMk cId="3071953759" sldId="2147469487"/>
            <ac:cxnSpMk id="73" creationId="{76CD2005-638F-4451-BA08-085C2AAC79E4}"/>
          </ac:cxnSpMkLst>
        </pc:cxnChg>
        <pc:cxnChg chg="mod">
          <ac:chgData name="Jan Scheurich" userId="0f96fdce-ddbd-4bab-8e03-f9f0f63ef781" providerId="ADAL" clId="{2EDFD640-F4F3-4F11-92BF-B517DF1C7D6D}" dt="2023-02-21T11:12:17.373" v="2241" actId="1038"/>
          <ac:cxnSpMkLst>
            <pc:docMk/>
            <pc:sldMk cId="3071953759" sldId="2147469487"/>
            <ac:cxnSpMk id="90" creationId="{84751EB9-B747-4E4F-B57E-0ABB86A2D7D7}"/>
          </ac:cxnSpMkLst>
        </pc:cxnChg>
        <pc:cxnChg chg="mod">
          <ac:chgData name="Jan Scheurich" userId="0f96fdce-ddbd-4bab-8e03-f9f0f63ef781" providerId="ADAL" clId="{2EDFD640-F4F3-4F11-92BF-B517DF1C7D6D}" dt="2023-02-21T11:12:17.373" v="2241" actId="1038"/>
          <ac:cxnSpMkLst>
            <pc:docMk/>
            <pc:sldMk cId="3071953759" sldId="2147469487"/>
            <ac:cxnSpMk id="93" creationId="{A34B49E1-7BCB-47F2-AE91-EBB0566C8B87}"/>
          </ac:cxnSpMkLst>
        </pc:cxnChg>
        <pc:cxnChg chg="mod">
          <ac:chgData name="Jan Scheurich" userId="0f96fdce-ddbd-4bab-8e03-f9f0f63ef781" providerId="ADAL" clId="{2EDFD640-F4F3-4F11-92BF-B517DF1C7D6D}" dt="2023-02-21T11:09:22.307" v="2173" actId="1038"/>
          <ac:cxnSpMkLst>
            <pc:docMk/>
            <pc:sldMk cId="3071953759" sldId="2147469487"/>
            <ac:cxnSpMk id="95" creationId="{402557A8-EADE-43AA-9B9C-9750DC9FCE44}"/>
          </ac:cxnSpMkLst>
        </pc:cxnChg>
        <pc:cxnChg chg="mod">
          <ac:chgData name="Jan Scheurich" userId="0f96fdce-ddbd-4bab-8e03-f9f0f63ef781" providerId="ADAL" clId="{2EDFD640-F4F3-4F11-92BF-B517DF1C7D6D}" dt="2023-02-21T11:12:17.373" v="2241" actId="1038"/>
          <ac:cxnSpMkLst>
            <pc:docMk/>
            <pc:sldMk cId="3071953759" sldId="2147469487"/>
            <ac:cxnSpMk id="97" creationId="{70E61177-4ABE-4E0A-8E9D-9FEE85CAE82A}"/>
          </ac:cxnSpMkLst>
        </pc:cxnChg>
        <pc:cxnChg chg="mod">
          <ac:chgData name="Jan Scheurich" userId="0f96fdce-ddbd-4bab-8e03-f9f0f63ef781" providerId="ADAL" clId="{2EDFD640-F4F3-4F11-92BF-B517DF1C7D6D}" dt="2023-02-21T11:12:17.373" v="2241" actId="1038"/>
          <ac:cxnSpMkLst>
            <pc:docMk/>
            <pc:sldMk cId="3071953759" sldId="2147469487"/>
            <ac:cxnSpMk id="104" creationId="{7B90E8EE-28EF-4A2D-B338-657704734866}"/>
          </ac:cxnSpMkLst>
        </pc:cxnChg>
        <pc:cxnChg chg="mod">
          <ac:chgData name="Jan Scheurich" userId="0f96fdce-ddbd-4bab-8e03-f9f0f63ef781" providerId="ADAL" clId="{2EDFD640-F4F3-4F11-92BF-B517DF1C7D6D}" dt="2023-02-21T11:14:14.658" v="2267" actId="14100"/>
          <ac:cxnSpMkLst>
            <pc:docMk/>
            <pc:sldMk cId="3071953759" sldId="2147469487"/>
            <ac:cxnSpMk id="105" creationId="{90984B60-1C7D-4FF7-B8D2-3DA7B42B373D}"/>
          </ac:cxnSpMkLst>
        </pc:cxnChg>
        <pc:cxnChg chg="mod">
          <ac:chgData name="Jan Scheurich" userId="0f96fdce-ddbd-4bab-8e03-f9f0f63ef781" providerId="ADAL" clId="{2EDFD640-F4F3-4F11-92BF-B517DF1C7D6D}" dt="2023-02-21T11:12:17.373" v="2241" actId="1038"/>
          <ac:cxnSpMkLst>
            <pc:docMk/>
            <pc:sldMk cId="3071953759" sldId="2147469487"/>
            <ac:cxnSpMk id="117" creationId="{85D72147-F58E-436E-9F38-9DD8A060B9DD}"/>
          </ac:cxnSpMkLst>
        </pc:cxnChg>
        <pc:cxnChg chg="mod">
          <ac:chgData name="Jan Scheurich" userId="0f96fdce-ddbd-4bab-8e03-f9f0f63ef781" providerId="ADAL" clId="{2EDFD640-F4F3-4F11-92BF-B517DF1C7D6D}" dt="2023-02-17T14:14:27.650" v="39" actId="1582"/>
          <ac:cxnSpMkLst>
            <pc:docMk/>
            <pc:sldMk cId="3071953759" sldId="2147469487"/>
            <ac:cxnSpMk id="134" creationId="{FABD9E43-5C03-42AE-8081-D8A63770BC0B}"/>
          </ac:cxnSpMkLst>
        </pc:cxnChg>
        <pc:cxnChg chg="mod">
          <ac:chgData name="Jan Scheurich" userId="0f96fdce-ddbd-4bab-8e03-f9f0f63ef781" providerId="ADAL" clId="{2EDFD640-F4F3-4F11-92BF-B517DF1C7D6D}" dt="2023-02-21T11:12:17.373" v="2241" actId="1038"/>
          <ac:cxnSpMkLst>
            <pc:docMk/>
            <pc:sldMk cId="3071953759" sldId="2147469487"/>
            <ac:cxnSpMk id="152" creationId="{516715C1-417D-44A5-B261-28CAC56AC475}"/>
          </ac:cxnSpMkLst>
        </pc:cxnChg>
        <pc:cxnChg chg="mod">
          <ac:chgData name="Jan Scheurich" userId="0f96fdce-ddbd-4bab-8e03-f9f0f63ef781" providerId="ADAL" clId="{2EDFD640-F4F3-4F11-92BF-B517DF1C7D6D}" dt="2023-02-21T11:13:11.061" v="2246" actId="1582"/>
          <ac:cxnSpMkLst>
            <pc:docMk/>
            <pc:sldMk cId="3071953759" sldId="2147469487"/>
            <ac:cxnSpMk id="153" creationId="{12D309FA-7687-462B-8163-DEEE266FC684}"/>
          </ac:cxnSpMkLst>
        </pc:cxnChg>
        <pc:cxnChg chg="mod">
          <ac:chgData name="Jan Scheurich" userId="0f96fdce-ddbd-4bab-8e03-f9f0f63ef781" providerId="ADAL" clId="{2EDFD640-F4F3-4F11-92BF-B517DF1C7D6D}" dt="2023-02-21T11:03:43.452" v="2006" actId="1036"/>
          <ac:cxnSpMkLst>
            <pc:docMk/>
            <pc:sldMk cId="3071953759" sldId="2147469487"/>
            <ac:cxnSpMk id="162" creationId="{EEB3A47D-D8A2-4E48-B2D8-C4D2E674985C}"/>
          </ac:cxnSpMkLst>
        </pc:cxnChg>
        <pc:cxnChg chg="mod">
          <ac:chgData name="Jan Scheurich" userId="0f96fdce-ddbd-4bab-8e03-f9f0f63ef781" providerId="ADAL" clId="{2EDFD640-F4F3-4F11-92BF-B517DF1C7D6D}" dt="2023-02-21T11:12:25.858" v="2242" actId="14100"/>
          <ac:cxnSpMkLst>
            <pc:docMk/>
            <pc:sldMk cId="3071953759" sldId="2147469487"/>
            <ac:cxnSpMk id="174" creationId="{4E3F2958-10B8-43A7-8513-C35D8EE4E758}"/>
          </ac:cxnSpMkLst>
        </pc:cxnChg>
        <pc:cxnChg chg="mod">
          <ac:chgData name="Jan Scheurich" userId="0f96fdce-ddbd-4bab-8e03-f9f0f63ef781" providerId="ADAL" clId="{2EDFD640-F4F3-4F11-92BF-B517DF1C7D6D}" dt="2023-02-21T11:12:30.544" v="2243" actId="1036"/>
          <ac:cxnSpMkLst>
            <pc:docMk/>
            <pc:sldMk cId="3071953759" sldId="2147469487"/>
            <ac:cxnSpMk id="177" creationId="{3B37E3AD-183F-4D36-9860-325BF9A03477}"/>
          </ac:cxnSpMkLst>
        </pc:cxnChg>
        <pc:cxnChg chg="del mod">
          <ac:chgData name="Jan Scheurich" userId="0f96fdce-ddbd-4bab-8e03-f9f0f63ef781" providerId="ADAL" clId="{2EDFD640-F4F3-4F11-92BF-B517DF1C7D6D}" dt="2023-02-17T14:15:15.085" v="59" actId="478"/>
          <ac:cxnSpMkLst>
            <pc:docMk/>
            <pc:sldMk cId="3071953759" sldId="2147469487"/>
            <ac:cxnSpMk id="225" creationId="{BF80BBCA-5487-3DF7-4446-9C1AD57B4947}"/>
          </ac:cxnSpMkLst>
        </pc:cxnChg>
        <pc:cxnChg chg="mod">
          <ac:chgData name="Jan Scheurich" userId="0f96fdce-ddbd-4bab-8e03-f9f0f63ef781" providerId="ADAL" clId="{2EDFD640-F4F3-4F11-92BF-B517DF1C7D6D}" dt="2023-02-21T11:12:17.373" v="2241" actId="1038"/>
          <ac:cxnSpMkLst>
            <pc:docMk/>
            <pc:sldMk cId="3071953759" sldId="2147469487"/>
            <ac:cxnSpMk id="240" creationId="{0CA84C92-0483-EFD4-1815-C6E77F479F95}"/>
          </ac:cxnSpMkLst>
        </pc:cxnChg>
        <pc:cxnChg chg="mod">
          <ac:chgData name="Jan Scheurich" userId="0f96fdce-ddbd-4bab-8e03-f9f0f63ef781" providerId="ADAL" clId="{2EDFD640-F4F3-4F11-92BF-B517DF1C7D6D}" dt="2023-02-21T11:15:19.752" v="2280" actId="14100"/>
          <ac:cxnSpMkLst>
            <pc:docMk/>
            <pc:sldMk cId="3071953759" sldId="2147469487"/>
            <ac:cxnSpMk id="247" creationId="{713BB612-46D0-45CB-8E8D-FD680CF05DD9}"/>
          </ac:cxnSpMkLst>
        </pc:cxnChg>
        <pc:cxnChg chg="mod">
          <ac:chgData name="Jan Scheurich" userId="0f96fdce-ddbd-4bab-8e03-f9f0f63ef781" providerId="ADAL" clId="{2EDFD640-F4F3-4F11-92BF-B517DF1C7D6D}" dt="2023-02-21T11:11:21.609" v="2217" actId="14100"/>
          <ac:cxnSpMkLst>
            <pc:docMk/>
            <pc:sldMk cId="3071953759" sldId="2147469487"/>
            <ac:cxnSpMk id="297" creationId="{6A3161A8-52FD-4AA0-AC10-B27DFE6BC914}"/>
          </ac:cxnSpMkLst>
        </pc:cxnChg>
        <pc:cxnChg chg="mod">
          <ac:chgData name="Jan Scheurich" userId="0f96fdce-ddbd-4bab-8e03-f9f0f63ef781" providerId="ADAL" clId="{2EDFD640-F4F3-4F11-92BF-B517DF1C7D6D}" dt="2023-02-21T11:11:26.825" v="2218" actId="14100"/>
          <ac:cxnSpMkLst>
            <pc:docMk/>
            <pc:sldMk cId="3071953759" sldId="2147469487"/>
            <ac:cxnSpMk id="323" creationId="{32294A66-52CD-40CB-B25B-A32CD0955BEC}"/>
          </ac:cxnSpMkLst>
        </pc:cxnChg>
        <pc:cxnChg chg="mod">
          <ac:chgData name="Jan Scheurich" userId="0f96fdce-ddbd-4bab-8e03-f9f0f63ef781" providerId="ADAL" clId="{2EDFD640-F4F3-4F11-92BF-B517DF1C7D6D}" dt="2023-02-21T11:04:45.858" v="2013" actId="14100"/>
          <ac:cxnSpMkLst>
            <pc:docMk/>
            <pc:sldMk cId="3071953759" sldId="2147469487"/>
            <ac:cxnSpMk id="345" creationId="{CC0201F3-EC71-47A1-B696-4F7490FCF010}"/>
          </ac:cxnSpMkLst>
        </pc:cxnChg>
      </pc:sldChg>
      <pc:sldChg chg="modSp mod">
        <pc:chgData name="Jan Scheurich" userId="0f96fdce-ddbd-4bab-8e03-f9f0f63ef781" providerId="ADAL" clId="{2EDFD640-F4F3-4F11-92BF-B517DF1C7D6D}" dt="2023-02-22T10:49:25.636" v="3116" actId="27636"/>
        <pc:sldMkLst>
          <pc:docMk/>
          <pc:sldMk cId="983975274" sldId="2147469488"/>
        </pc:sldMkLst>
        <pc:spChg chg="mod">
          <ac:chgData name="Jan Scheurich" userId="0f96fdce-ddbd-4bab-8e03-f9f0f63ef781" providerId="ADAL" clId="{2EDFD640-F4F3-4F11-92BF-B517DF1C7D6D}" dt="2023-02-22T10:49:25.636" v="3116" actId="27636"/>
          <ac:spMkLst>
            <pc:docMk/>
            <pc:sldMk cId="983975274" sldId="2147469488"/>
            <ac:spMk id="2" creationId="{39E095BD-3251-9BED-92D6-2927C81D3A4D}"/>
          </ac:spMkLst>
        </pc:spChg>
      </pc:sldChg>
      <pc:sldChg chg="del">
        <pc:chgData name="Jan Scheurich" userId="0f96fdce-ddbd-4bab-8e03-f9f0f63ef781" providerId="ADAL" clId="{2EDFD640-F4F3-4F11-92BF-B517DF1C7D6D}" dt="2023-02-17T13:42:02.593" v="34" actId="47"/>
        <pc:sldMkLst>
          <pc:docMk/>
          <pc:sldMk cId="1623060146" sldId="2147469488"/>
        </pc:sldMkLst>
      </pc:sldChg>
      <pc:sldChg chg="add del">
        <pc:chgData name="Jan Scheurich" userId="0f96fdce-ddbd-4bab-8e03-f9f0f63ef781" providerId="ADAL" clId="{2EDFD640-F4F3-4F11-92BF-B517DF1C7D6D}" dt="2023-02-17T13:40:01.191" v="28" actId="47"/>
        <pc:sldMkLst>
          <pc:docMk/>
          <pc:sldMk cId="547902443" sldId="2147469489"/>
        </pc:sldMkLst>
      </pc:sldChg>
      <pc:sldChg chg="add del">
        <pc:chgData name="Jan Scheurich" userId="0f96fdce-ddbd-4bab-8e03-f9f0f63ef781" providerId="ADAL" clId="{2EDFD640-F4F3-4F11-92BF-B517DF1C7D6D}" dt="2023-02-17T13:40:01.191" v="28" actId="47"/>
        <pc:sldMkLst>
          <pc:docMk/>
          <pc:sldMk cId="491652497" sldId="2147469490"/>
        </pc:sldMkLst>
      </pc:sldChg>
    </pc:docChg>
  </pc:docChgLst>
  <pc:docChgLst>
    <pc:chgData name="Griffin, John" userId="S::john.griffin@intel.com::bdb63092-507d-4fe1-bbef-63b7df779301" providerId="AD" clId="Web-{AB9D09AC-3294-68D4-1C91-BB1AEECDBEF2}"/>
    <pc:docChg chg="modSld">
      <pc:chgData name="Griffin, John" userId="S::john.griffin@intel.com::bdb63092-507d-4fe1-bbef-63b7df779301" providerId="AD" clId="Web-{AB9D09AC-3294-68D4-1C91-BB1AEECDBEF2}" dt="2023-05-09T12:10:14.177" v="2"/>
      <pc:docMkLst>
        <pc:docMk/>
      </pc:docMkLst>
      <pc:sldChg chg="addSp delSp">
        <pc:chgData name="Griffin, John" userId="S::john.griffin@intel.com::bdb63092-507d-4fe1-bbef-63b7df779301" providerId="AD" clId="Web-{AB9D09AC-3294-68D4-1C91-BB1AEECDBEF2}" dt="2023-05-09T12:10:14.177" v="2"/>
        <pc:sldMkLst>
          <pc:docMk/>
          <pc:sldMk cId="3767371718" sldId="2147469496"/>
        </pc:sldMkLst>
        <pc:spChg chg="del">
          <ac:chgData name="Griffin, John" userId="S::john.griffin@intel.com::bdb63092-507d-4fe1-bbef-63b7df779301" providerId="AD" clId="Web-{AB9D09AC-3294-68D4-1C91-BB1AEECDBEF2}" dt="2023-05-09T12:10:14.177" v="2"/>
          <ac:spMkLst>
            <pc:docMk/>
            <pc:sldMk cId="3767371718" sldId="2147469496"/>
            <ac:spMk id="9" creationId="{9EEF3D8D-33BB-EDCF-79EA-926D58DF4602}"/>
          </ac:spMkLst>
        </pc:spChg>
        <pc:spChg chg="add del">
          <ac:chgData name="Griffin, John" userId="S::john.griffin@intel.com::bdb63092-507d-4fe1-bbef-63b7df779301" providerId="AD" clId="Web-{AB9D09AC-3294-68D4-1C91-BB1AEECDBEF2}" dt="2023-05-09T12:10:08.192" v="1"/>
          <ac:spMkLst>
            <pc:docMk/>
            <pc:sldMk cId="3767371718" sldId="2147469496"/>
            <ac:spMk id="31" creationId="{59E25066-7C74-FBBD-53DC-E8A1A73BD496}"/>
          </ac:spMkLst>
        </pc:spChg>
      </pc:sldChg>
    </pc:docChg>
  </pc:docChgLst>
  <pc:docChgLst>
    <pc:chgData name="Dimitrios Markou" userId="S::dimitrios.markou_ericsson.com#ext#@intel.onmicrosoft.com::fd2b1209-3582-44e3-99a0-87b0e5b9367d" providerId="AD" clId="Web-{21CF7C96-DEF5-A29F-A8DE-27EEA71A3600}"/>
    <pc:docChg chg="addSld delSld modSld sldOrd">
      <pc:chgData name="Dimitrios Markou" userId="S::dimitrios.markou_ericsson.com#ext#@intel.onmicrosoft.com::fd2b1209-3582-44e3-99a0-87b0e5b9367d" providerId="AD" clId="Web-{21CF7C96-DEF5-A29F-A8DE-27EEA71A3600}" dt="2023-04-05T15:31:30.351" v="421"/>
      <pc:docMkLst>
        <pc:docMk/>
      </pc:docMkLst>
      <pc:sldChg chg="modSp">
        <pc:chgData name="Dimitrios Markou" userId="S::dimitrios.markou_ericsson.com#ext#@intel.onmicrosoft.com::fd2b1209-3582-44e3-99a0-87b0e5b9367d" providerId="AD" clId="Web-{21CF7C96-DEF5-A29F-A8DE-27EEA71A3600}" dt="2023-04-05T15:19:56.271" v="417" actId="20577"/>
        <pc:sldMkLst>
          <pc:docMk/>
          <pc:sldMk cId="0" sldId="256"/>
        </pc:sldMkLst>
        <pc:spChg chg="mod">
          <ac:chgData name="Dimitrios Markou" userId="S::dimitrios.markou_ericsson.com#ext#@intel.onmicrosoft.com::fd2b1209-3582-44e3-99a0-87b0e5b9367d" providerId="AD" clId="Web-{21CF7C96-DEF5-A29F-A8DE-27EEA71A3600}" dt="2023-04-05T15:19:56.271" v="417" actId="20577"/>
          <ac:spMkLst>
            <pc:docMk/>
            <pc:sldMk cId="0" sldId="256"/>
            <ac:spMk id="6" creationId="{AD08FC6A-E318-4CBE-82E1-B6485388FCA0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5:19:41.785" v="406" actId="20577"/>
          <ac:spMkLst>
            <pc:docMk/>
            <pc:sldMk cId="0" sldId="256"/>
            <ac:spMk id="350" creationId="{00000000-0000-0000-0000-000000000000}"/>
          </ac:spMkLst>
        </pc:spChg>
        <pc:picChg chg="mod">
          <ac:chgData name="Dimitrios Markou" userId="S::dimitrios.markou_ericsson.com#ext#@intel.onmicrosoft.com::fd2b1209-3582-44e3-99a0-87b0e5b9367d" providerId="AD" clId="Web-{21CF7C96-DEF5-A29F-A8DE-27EEA71A3600}" dt="2023-04-05T15:19:46.505" v="408" actId="1076"/>
          <ac:picMkLst>
            <pc:docMk/>
            <pc:sldMk cId="0" sldId="256"/>
            <ac:picMk id="348" creationId="{00000000-0000-0000-0000-000000000000}"/>
          </ac:picMkLst>
        </pc:picChg>
      </pc:sldChg>
      <pc:sldChg chg="ord">
        <pc:chgData name="Dimitrios Markou" userId="S::dimitrios.markou_ericsson.com#ext#@intel.onmicrosoft.com::fd2b1209-3582-44e3-99a0-87b0e5b9367d" providerId="AD" clId="Web-{21CF7C96-DEF5-A29F-A8DE-27EEA71A3600}" dt="2023-04-05T14:35:00.706" v="300"/>
        <pc:sldMkLst>
          <pc:docMk/>
          <pc:sldMk cId="0" sldId="276"/>
        </pc:sldMkLst>
      </pc:sldChg>
      <pc:sldChg chg="mod ord modShow">
        <pc:chgData name="Dimitrios Markou" userId="S::dimitrios.markou_ericsson.com#ext#@intel.onmicrosoft.com::fd2b1209-3582-44e3-99a0-87b0e5b9367d" providerId="AD" clId="Web-{21CF7C96-DEF5-A29F-A8DE-27EEA71A3600}" dt="2023-04-05T14:34:34.548" v="299"/>
        <pc:sldMkLst>
          <pc:docMk/>
          <pc:sldMk cId="219157774" sldId="2145704883"/>
        </pc:sldMkLst>
      </pc:sldChg>
      <pc:sldChg chg="mod ord modShow">
        <pc:chgData name="Dimitrios Markou" userId="S::dimitrios.markou_ericsson.com#ext#@intel.onmicrosoft.com::fd2b1209-3582-44e3-99a0-87b0e5b9367d" providerId="AD" clId="Web-{21CF7C96-DEF5-A29F-A8DE-27EEA71A3600}" dt="2023-04-05T14:56:20.280" v="370"/>
        <pc:sldMkLst>
          <pc:docMk/>
          <pc:sldMk cId="1516139018" sldId="2147375708"/>
        </pc:sldMkLst>
      </pc:sldChg>
      <pc:sldChg chg="mod ord modShow">
        <pc:chgData name="Dimitrios Markou" userId="S::dimitrios.markou_ericsson.com#ext#@intel.onmicrosoft.com::fd2b1209-3582-44e3-99a0-87b0e5b9367d" providerId="AD" clId="Web-{21CF7C96-DEF5-A29F-A8DE-27EEA71A3600}" dt="2023-04-05T14:56:42.391" v="372"/>
        <pc:sldMkLst>
          <pc:docMk/>
          <pc:sldMk cId="2265169015" sldId="2147375710"/>
        </pc:sldMkLst>
      </pc:sldChg>
      <pc:sldChg chg="delCm">
        <pc:chgData name="Dimitrios Markou" userId="S::dimitrios.markou_ericsson.com#ext#@intel.onmicrosoft.com::fd2b1209-3582-44e3-99a0-87b0e5b9367d" providerId="AD" clId="Web-{21CF7C96-DEF5-A29F-A8DE-27EEA71A3600}" dt="2023-04-05T15:20:12.647" v="419"/>
        <pc:sldMkLst>
          <pc:docMk/>
          <pc:sldMk cId="3385811369" sldId="2147375732"/>
        </pc:sldMkLst>
        <pc:extLst>
          <p:ext xmlns:p="http://schemas.openxmlformats.org/presentationml/2006/main" uri="{D6D511B9-2390-475A-947B-AFAB55BFBCF1}">
            <pc226:cmChg xmlns:pc226="http://schemas.microsoft.com/office/powerpoint/2022/06/main/command" chg="del">
              <pc226:chgData name="Dimitrios Markou" userId="S::dimitrios.markou_ericsson.com#ext#@intel.onmicrosoft.com::fd2b1209-3582-44e3-99a0-87b0e5b9367d" providerId="AD" clId="Web-{21CF7C96-DEF5-A29F-A8DE-27EEA71A3600}" dt="2023-04-05T15:20:12.647" v="419"/>
              <pc2:cmMkLst xmlns:pc2="http://schemas.microsoft.com/office/powerpoint/2019/9/main/command">
                <pc:docMk/>
                <pc:sldMk cId="3385811369" sldId="2147375732"/>
                <pc2:cmMk id="{6E1B4A25-1BF0-4E5B-8C69-EE077C87E8C2}"/>
              </pc2:cmMkLst>
            </pc226:cmChg>
            <pc226:cmChg xmlns:pc226="http://schemas.microsoft.com/office/powerpoint/2022/06/main/command" chg="del">
              <pc226:chgData name="Dimitrios Markou" userId="S::dimitrios.markou_ericsson.com#ext#@intel.onmicrosoft.com::fd2b1209-3582-44e3-99a0-87b0e5b9367d" providerId="AD" clId="Web-{21CF7C96-DEF5-A29F-A8DE-27EEA71A3600}" dt="2023-04-05T15:20:10.647" v="418"/>
              <pc2:cmMkLst xmlns:pc2="http://schemas.microsoft.com/office/powerpoint/2019/9/main/command">
                <pc:docMk/>
                <pc:sldMk cId="3385811369" sldId="2147375732"/>
                <pc2:cmMk id="{C81D4478-070A-416B-9F54-7D2E39FB911A}"/>
              </pc2:cmMkLst>
            </pc226:cmChg>
          </p:ext>
        </pc:extLst>
      </pc:sldChg>
      <pc:sldChg chg="mod ord modShow">
        <pc:chgData name="Dimitrios Markou" userId="S::dimitrios.markou_ericsson.com#ext#@intel.onmicrosoft.com::fd2b1209-3582-44e3-99a0-87b0e5b9367d" providerId="AD" clId="Web-{21CF7C96-DEF5-A29F-A8DE-27EEA71A3600}" dt="2023-04-05T15:18:04.388" v="402"/>
        <pc:sldMkLst>
          <pc:docMk/>
          <pc:sldMk cId="3262035270" sldId="2147375789"/>
        </pc:sldMkLst>
      </pc:sldChg>
      <pc:sldChg chg="mod ord modShow">
        <pc:chgData name="Dimitrios Markou" userId="S::dimitrios.markou_ericsson.com#ext#@intel.onmicrosoft.com::fd2b1209-3582-44e3-99a0-87b0e5b9367d" providerId="AD" clId="Web-{21CF7C96-DEF5-A29F-A8DE-27EEA71A3600}" dt="2023-04-05T14:35:20.176" v="303"/>
        <pc:sldMkLst>
          <pc:docMk/>
          <pc:sldMk cId="1245359931" sldId="2147469481"/>
        </pc:sldMkLst>
      </pc:sldChg>
      <pc:sldChg chg="ord">
        <pc:chgData name="Dimitrios Markou" userId="S::dimitrios.markou_ericsson.com#ext#@intel.onmicrosoft.com::fd2b1209-3582-44e3-99a0-87b0e5b9367d" providerId="AD" clId="Web-{21CF7C96-DEF5-A29F-A8DE-27EEA71A3600}" dt="2023-04-05T14:35:05.769" v="301"/>
        <pc:sldMkLst>
          <pc:docMk/>
          <pc:sldMk cId="602144937" sldId="2147469482"/>
        </pc:sldMkLst>
      </pc:sldChg>
      <pc:sldChg chg="addSp delSp modSp">
        <pc:chgData name="Dimitrios Markou" userId="S::dimitrios.markou_ericsson.com#ext#@intel.onmicrosoft.com::fd2b1209-3582-44e3-99a0-87b0e5b9367d" providerId="AD" clId="Web-{21CF7C96-DEF5-A29F-A8DE-27EEA71A3600}" dt="2023-04-05T14:45:27.078" v="351" actId="20577"/>
        <pc:sldMkLst>
          <pc:docMk/>
          <pc:sldMk cId="876791639" sldId="2147469486"/>
        </pc:sldMkLst>
        <pc:spChg chg="mod">
          <ac:chgData name="Dimitrios Markou" userId="S::dimitrios.markou_ericsson.com#ext#@intel.onmicrosoft.com::fd2b1209-3582-44e3-99a0-87b0e5b9367d" providerId="AD" clId="Web-{21CF7C96-DEF5-A29F-A8DE-27EEA71A3600}" dt="2023-04-05T14:45:27.078" v="351" actId="20577"/>
          <ac:spMkLst>
            <pc:docMk/>
            <pc:sldMk cId="876791639" sldId="2147469486"/>
            <ac:spMk id="4" creationId="{60824867-80C9-E956-D690-5B5C178B5811}"/>
          </ac:spMkLst>
        </pc:spChg>
        <pc:picChg chg="del">
          <ac:chgData name="Dimitrios Markou" userId="S::dimitrios.markou_ericsson.com#ext#@intel.onmicrosoft.com::fd2b1209-3582-44e3-99a0-87b0e5b9367d" providerId="AD" clId="Web-{21CF7C96-DEF5-A29F-A8DE-27EEA71A3600}" dt="2023-04-05T14:39:21.130" v="337"/>
          <ac:picMkLst>
            <pc:docMk/>
            <pc:sldMk cId="876791639" sldId="2147469486"/>
            <ac:picMk id="3" creationId="{09E7D6F0-D544-0E49-2D86-2C7CF7BFE9E5}"/>
          </ac:picMkLst>
        </pc:picChg>
        <pc:picChg chg="add mod ord">
          <ac:chgData name="Dimitrios Markou" userId="S::dimitrios.markou_ericsson.com#ext#@intel.onmicrosoft.com::fd2b1209-3582-44e3-99a0-87b0e5b9367d" providerId="AD" clId="Web-{21CF7C96-DEF5-A29F-A8DE-27EEA71A3600}" dt="2023-04-05T14:39:42.241" v="342" actId="1076"/>
          <ac:picMkLst>
            <pc:docMk/>
            <pc:sldMk cId="876791639" sldId="2147469486"/>
            <ac:picMk id="6" creationId="{D67DAADD-E6C5-340C-4583-D4664ACA327E}"/>
          </ac:picMkLst>
        </pc:picChg>
      </pc:sldChg>
      <pc:sldChg chg="addSp modSp delCm">
        <pc:chgData name="Dimitrios Markou" userId="S::dimitrios.markou_ericsson.com#ext#@intel.onmicrosoft.com::fd2b1209-3582-44e3-99a0-87b0e5b9367d" providerId="AD" clId="Web-{21CF7C96-DEF5-A29F-A8DE-27EEA71A3600}" dt="2023-04-05T15:26:57.410" v="420"/>
        <pc:sldMkLst>
          <pc:docMk/>
          <pc:sldMk cId="3071953759" sldId="2147469487"/>
        </pc:sldMkLst>
        <pc:spChg chg="add mod">
          <ac:chgData name="Dimitrios Markou" userId="S::dimitrios.markou_ericsson.com#ext#@intel.onmicrosoft.com::fd2b1209-3582-44e3-99a0-87b0e5b9367d" providerId="AD" clId="Web-{21CF7C96-DEF5-A29F-A8DE-27EEA71A3600}" dt="2023-04-05T14:37:24.497" v="328" actId="1076"/>
          <ac:spMkLst>
            <pc:docMk/>
            <pc:sldMk cId="3071953759" sldId="2147469487"/>
            <ac:spMk id="9" creationId="{9EEF3D8D-33BB-EDCF-79EA-926D58DF4602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4:37:45.514" v="336" actId="20577"/>
          <ac:spMkLst>
            <pc:docMk/>
            <pc:sldMk cId="3071953759" sldId="2147469487"/>
            <ac:spMk id="31" creationId="{59E25066-7C74-FBBD-53DC-E8A1A73BD496}"/>
          </ac:spMkLst>
        </pc:spChg>
        <pc:cxnChg chg="mod">
          <ac:chgData name="Dimitrios Markou" userId="S::dimitrios.markou_ericsson.com#ext#@intel.onmicrosoft.com::fd2b1209-3582-44e3-99a0-87b0e5b9367d" providerId="AD" clId="Web-{21CF7C96-DEF5-A29F-A8DE-27EEA71A3600}" dt="2023-04-05T14:37:38.951" v="331" actId="1076"/>
          <ac:cxnSpMkLst>
            <pc:docMk/>
            <pc:sldMk cId="3071953759" sldId="2147469487"/>
            <ac:cxnSpMk id="16" creationId="{80EB3160-F219-BF7D-FD12-29A3C6FCD798}"/>
          </ac:cxnSpMkLst>
        </pc:cxnChg>
        <pc:extLst>
          <p:ext xmlns:p="http://schemas.openxmlformats.org/presentationml/2006/main" uri="{D6D511B9-2390-475A-947B-AFAB55BFBCF1}">
            <pc226:cmChg xmlns:pc226="http://schemas.microsoft.com/office/powerpoint/2022/06/main/command" chg="del">
              <pc226:chgData name="Dimitrios Markou" userId="S::dimitrios.markou_ericsson.com#ext#@intel.onmicrosoft.com::fd2b1209-3582-44e3-99a0-87b0e5b9367d" providerId="AD" clId="Web-{21CF7C96-DEF5-A29F-A8DE-27EEA71A3600}" dt="2023-04-05T15:26:57.410" v="420"/>
              <pc2:cmMkLst xmlns:pc2="http://schemas.microsoft.com/office/powerpoint/2019/9/main/command">
                <pc:docMk/>
                <pc:sldMk cId="3071953759" sldId="2147469487"/>
                <pc2:cmMk id="{C4EC4F76-200D-4EC0-9C36-05969448291D}"/>
              </pc2:cmMkLst>
            </pc226:cmChg>
          </p:ext>
        </pc:extLst>
      </pc:sldChg>
      <pc:sldChg chg="addSp delSp modSp ord">
        <pc:chgData name="Dimitrios Markou" userId="S::dimitrios.markou_ericsson.com#ext#@intel.onmicrosoft.com::fd2b1209-3582-44e3-99a0-87b0e5b9367d" providerId="AD" clId="Web-{21CF7C96-DEF5-A29F-A8DE-27EEA71A3600}" dt="2023-04-05T14:49:04.750" v="367" actId="1076"/>
        <pc:sldMkLst>
          <pc:docMk/>
          <pc:sldMk cId="2844336004" sldId="2147469489"/>
        </pc:sldMkLst>
        <pc:spChg chg="mod">
          <ac:chgData name="Dimitrios Markou" userId="S::dimitrios.markou_ericsson.com#ext#@intel.onmicrosoft.com::fd2b1209-3582-44e3-99a0-87b0e5b9367d" providerId="AD" clId="Web-{21CF7C96-DEF5-A29F-A8DE-27EEA71A3600}" dt="2023-04-05T14:10:03.388" v="288" actId="20577"/>
          <ac:spMkLst>
            <pc:docMk/>
            <pc:sldMk cId="2844336004" sldId="2147469489"/>
            <ac:spMk id="2" creationId="{30FDFF6B-3404-92C4-8C7C-AC709FCD507D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3:56:26.229" v="100" actId="1076"/>
          <ac:spMkLst>
            <pc:docMk/>
            <pc:sldMk cId="2844336004" sldId="2147469489"/>
            <ac:spMk id="4" creationId="{B9797F66-B9C2-5B76-D3B2-D46A57B9D87F}"/>
          </ac:spMkLst>
        </pc:spChg>
        <pc:spChg chg="add mod ord">
          <ac:chgData name="Dimitrios Markou" userId="S::dimitrios.markou_ericsson.com#ext#@intel.onmicrosoft.com::fd2b1209-3582-44e3-99a0-87b0e5b9367d" providerId="AD" clId="Web-{21CF7C96-DEF5-A29F-A8DE-27EEA71A3600}" dt="2023-04-05T14:48:26.575" v="360" actId="1076"/>
          <ac:spMkLst>
            <pc:docMk/>
            <pc:sldMk cId="2844336004" sldId="2147469489"/>
            <ac:spMk id="5" creationId="{078594DB-9F0A-8258-784B-9EF4282E1096}"/>
          </ac:spMkLst>
        </pc:spChg>
        <pc:spChg chg="add mod ord">
          <ac:chgData name="Dimitrios Markou" userId="S::dimitrios.markou_ericsson.com#ext#@intel.onmicrosoft.com::fd2b1209-3582-44e3-99a0-87b0e5b9367d" providerId="AD" clId="Web-{21CF7C96-DEF5-A29F-A8DE-27EEA71A3600}" dt="2023-04-05T14:49:01.531" v="366" actId="1076"/>
          <ac:spMkLst>
            <pc:docMk/>
            <pc:sldMk cId="2844336004" sldId="2147469489"/>
            <ac:spMk id="11" creationId="{3E8FB52A-FD4F-3C03-3DE1-8CE43D6E3B47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5:20.983" v="2"/>
          <ac:spMkLst>
            <pc:docMk/>
            <pc:sldMk cId="2844336004" sldId="2147469489"/>
            <ac:spMk id="17" creationId="{701485F6-4937-3FDE-4790-0BF5A1D71DBD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5:29.280" v="4"/>
          <ac:spMkLst>
            <pc:docMk/>
            <pc:sldMk cId="2844336004" sldId="2147469489"/>
            <ac:spMk id="20" creationId="{360F3982-4AFC-4B2C-48F7-99A4A1288C85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5:13.529" v="1"/>
          <ac:spMkLst>
            <pc:docMk/>
            <pc:sldMk cId="2844336004" sldId="2147469489"/>
            <ac:spMk id="21" creationId="{324E5316-C03F-BAE3-C0CA-651A6FD2AEF0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5:24.280" v="3"/>
          <ac:spMkLst>
            <pc:docMk/>
            <pc:sldMk cId="2844336004" sldId="2147469489"/>
            <ac:spMk id="22" creationId="{8323BDA4-F86E-604B-B401-4442386560CC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7:41.129" v="25"/>
          <ac:spMkLst>
            <pc:docMk/>
            <pc:sldMk cId="2844336004" sldId="2147469489"/>
            <ac:spMk id="24" creationId="{E9701311-1506-4C29-E4E9-FB0C9AC72546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7:55.005" v="27"/>
          <ac:spMkLst>
            <pc:docMk/>
            <pc:sldMk cId="2844336004" sldId="2147469489"/>
            <ac:spMk id="26" creationId="{D8FDA426-ACF2-A490-0CFA-E0A3F8BF08DE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7:45.379" v="26"/>
          <ac:spMkLst>
            <pc:docMk/>
            <pc:sldMk cId="2844336004" sldId="2147469489"/>
            <ac:spMk id="27" creationId="{18701036-BCA5-A698-947F-59EEF681EF78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3:48:27.381" v="34" actId="1076"/>
          <ac:spMkLst>
            <pc:docMk/>
            <pc:sldMk cId="2844336004" sldId="2147469489"/>
            <ac:spMk id="29" creationId="{638E05E6-9093-7DE2-018E-CA8EBA2406B8}"/>
          </ac:spMkLst>
        </pc:spChg>
        <pc:spChg chg="mod ord">
          <ac:chgData name="Dimitrios Markou" userId="S::dimitrios.markou_ericsson.com#ext#@intel.onmicrosoft.com::fd2b1209-3582-44e3-99a0-87b0e5b9367d" providerId="AD" clId="Web-{21CF7C96-DEF5-A29F-A8DE-27EEA71A3600}" dt="2023-04-05T13:54:18.224" v="77" actId="1076"/>
          <ac:spMkLst>
            <pc:docMk/>
            <pc:sldMk cId="2844336004" sldId="2147469489"/>
            <ac:spMk id="31" creationId="{09B6BACA-0B5A-BE56-8726-724FB06EFF28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3:54:24.818" v="78" actId="1076"/>
          <ac:spMkLst>
            <pc:docMk/>
            <pc:sldMk cId="2844336004" sldId="2147469489"/>
            <ac:spMk id="32" creationId="{7F43F34C-D2EB-3DFB-14E4-34C3644BA225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3:46:19.673" v="14" actId="1076"/>
          <ac:spMkLst>
            <pc:docMk/>
            <pc:sldMk cId="2844336004" sldId="2147469489"/>
            <ac:spMk id="34" creationId="{D2D83317-1C93-C203-F17C-15356EDBCFD4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3:46:07.250" v="13" actId="1076"/>
          <ac:spMkLst>
            <pc:docMk/>
            <pc:sldMk cId="2844336004" sldId="2147469489"/>
            <ac:spMk id="35" creationId="{BAB34E5F-BE8C-6EA1-0ABC-7A06ECA81C5C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3:46:32.048" v="17" actId="1076"/>
          <ac:spMkLst>
            <pc:docMk/>
            <pc:sldMk cId="2844336004" sldId="2147469489"/>
            <ac:spMk id="36" creationId="{4B794069-629C-D2EA-7111-97A6C311C3B7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5:43.124" v="7"/>
          <ac:spMkLst>
            <pc:docMk/>
            <pc:sldMk cId="2844336004" sldId="2147469489"/>
            <ac:spMk id="38" creationId="{8AA7CCBF-CDD5-F10B-0E41-901B64C1E23B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5:33.249" v="5"/>
          <ac:spMkLst>
            <pc:docMk/>
            <pc:sldMk cId="2844336004" sldId="2147469489"/>
            <ac:spMk id="39" creationId="{E91F6283-7C84-05A1-3CA6-D4491CE5A52D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45:37.561" v="6"/>
          <ac:spMkLst>
            <pc:docMk/>
            <pc:sldMk cId="2844336004" sldId="2147469489"/>
            <ac:spMk id="40" creationId="{52A7C1FE-8CD8-2C0D-E9E7-C6648CA1A4F6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3:51:31.717" v="60" actId="14100"/>
          <ac:spMkLst>
            <pc:docMk/>
            <pc:sldMk cId="2844336004" sldId="2147469489"/>
            <ac:spMk id="83" creationId="{E6A5915E-8624-2E22-B962-A6152F0B571C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4:30:28.952" v="291" actId="1076"/>
          <ac:spMkLst>
            <pc:docMk/>
            <pc:sldMk cId="2844336004" sldId="2147469489"/>
            <ac:spMk id="84" creationId="{6EC85D8D-0521-1B24-764B-167DE4A7E618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4:01:59.978" v="161" actId="14100"/>
          <ac:spMkLst>
            <pc:docMk/>
            <pc:sldMk cId="2844336004" sldId="2147469489"/>
            <ac:spMk id="87" creationId="{51D3F5F9-ACA2-8700-470D-EDDC76B9FE67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4:00:07.348" v="143"/>
          <ac:spMkLst>
            <pc:docMk/>
            <pc:sldMk cId="2844336004" sldId="2147469489"/>
            <ac:spMk id="96" creationId="{43BA6377-97EA-E910-0A01-08C2EE2EAC1A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4:00:03.488" v="142"/>
          <ac:spMkLst>
            <pc:docMk/>
            <pc:sldMk cId="2844336004" sldId="2147469489"/>
            <ac:spMk id="99" creationId="{FD19466F-115E-4C77-77B2-84EB77F92AFF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59:59.988" v="141"/>
          <ac:spMkLst>
            <pc:docMk/>
            <pc:sldMk cId="2844336004" sldId="2147469489"/>
            <ac:spMk id="100" creationId="{99DC2C1C-E541-3A31-491D-0F8BAC7CA56D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4:00:12.411" v="144"/>
          <ac:spMkLst>
            <pc:docMk/>
            <pc:sldMk cId="2844336004" sldId="2147469489"/>
            <ac:spMk id="101" creationId="{EA388DEA-897E-4AAE-1F7A-80DCA9F62F6D}"/>
          </ac:spMkLst>
        </pc:spChg>
        <pc:spChg chg="del mod">
          <ac:chgData name="Dimitrios Markou" userId="S::dimitrios.markou_ericsson.com#ext#@intel.onmicrosoft.com::fd2b1209-3582-44e3-99a0-87b0e5b9367d" providerId="AD" clId="Web-{21CF7C96-DEF5-A29F-A8DE-27EEA71A3600}" dt="2023-04-05T13:59:43.097" v="136"/>
          <ac:spMkLst>
            <pc:docMk/>
            <pc:sldMk cId="2844336004" sldId="2147469489"/>
            <ac:spMk id="113" creationId="{77FBB9E2-AAF4-B3E3-923A-29C9FBCA2F2A}"/>
          </ac:spMkLst>
        </pc:spChg>
        <pc:spChg chg="del mod">
          <ac:chgData name="Dimitrios Markou" userId="S::dimitrios.markou_ericsson.com#ext#@intel.onmicrosoft.com::fd2b1209-3582-44e3-99a0-87b0e5b9367d" providerId="AD" clId="Web-{21CF7C96-DEF5-A29F-A8DE-27EEA71A3600}" dt="2023-04-05T13:59:39.097" v="135"/>
          <ac:spMkLst>
            <pc:docMk/>
            <pc:sldMk cId="2844336004" sldId="2147469489"/>
            <ac:spMk id="114" creationId="{1A126EBC-312D-1CC8-1375-5C7821C14469}"/>
          </ac:spMkLst>
        </pc:spChg>
        <pc:spChg chg="del mod">
          <ac:chgData name="Dimitrios Markou" userId="S::dimitrios.markou_ericsson.com#ext#@intel.onmicrosoft.com::fd2b1209-3582-44e3-99a0-87b0e5b9367d" providerId="AD" clId="Web-{21CF7C96-DEF5-A29F-A8DE-27EEA71A3600}" dt="2023-04-05T13:59:46.191" v="137"/>
          <ac:spMkLst>
            <pc:docMk/>
            <pc:sldMk cId="2844336004" sldId="2147469489"/>
            <ac:spMk id="115" creationId="{28709FC2-FB8F-1B16-0151-609DD4A9120B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59:50.566" v="138"/>
          <ac:spMkLst>
            <pc:docMk/>
            <pc:sldMk cId="2844336004" sldId="2147469489"/>
            <ac:spMk id="117" creationId="{00BCE8BD-5B1B-AA41-B9C2-6161606FF615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59:57.332" v="140"/>
          <ac:spMkLst>
            <pc:docMk/>
            <pc:sldMk cId="2844336004" sldId="2147469489"/>
            <ac:spMk id="118" creationId="{CFF585D9-3B06-9D51-15C0-235B109DE059}"/>
          </ac:spMkLst>
        </pc:spChg>
        <pc:spChg chg="del">
          <ac:chgData name="Dimitrios Markou" userId="S::dimitrios.markou_ericsson.com#ext#@intel.onmicrosoft.com::fd2b1209-3582-44e3-99a0-87b0e5b9367d" providerId="AD" clId="Web-{21CF7C96-DEF5-A29F-A8DE-27EEA71A3600}" dt="2023-04-05T13:59:53.003" v="139"/>
          <ac:spMkLst>
            <pc:docMk/>
            <pc:sldMk cId="2844336004" sldId="2147469489"/>
            <ac:spMk id="119" creationId="{C39DEE97-90C8-FEB7-5D8E-23BB3800E110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3:56:17.807" v="99" actId="1076"/>
          <ac:spMkLst>
            <pc:docMk/>
            <pc:sldMk cId="2844336004" sldId="2147469489"/>
            <ac:spMk id="121" creationId="{15CAE62C-F906-A3AE-C6CE-53C0DA0C5F07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3:56:52.012" v="108" actId="14100"/>
          <ac:spMkLst>
            <pc:docMk/>
            <pc:sldMk cId="2844336004" sldId="2147469489"/>
            <ac:spMk id="122" creationId="{10DE4E19-7AC7-1C00-740F-F7DD879CFA1C}"/>
          </ac:spMkLst>
        </pc:spChg>
        <pc:spChg chg="add del mod">
          <ac:chgData name="Dimitrios Markou" userId="S::dimitrios.markou_ericsson.com#ext#@intel.onmicrosoft.com::fd2b1209-3582-44e3-99a0-87b0e5b9367d" providerId="AD" clId="Web-{21CF7C96-DEF5-A29F-A8DE-27EEA71A3600}" dt="2023-04-05T14:09:01.511" v="255"/>
          <ac:spMkLst>
            <pc:docMk/>
            <pc:sldMk cId="2844336004" sldId="2147469489"/>
            <ac:spMk id="123" creationId="{5A355E40-20AE-7B44-5952-28C74670DC8C}"/>
          </ac:spMkLst>
        </pc:spChg>
        <pc:spChg chg="add del mod ord">
          <ac:chgData name="Dimitrios Markou" userId="S::dimitrios.markou_ericsson.com#ext#@intel.onmicrosoft.com::fd2b1209-3582-44e3-99a0-87b0e5b9367d" providerId="AD" clId="Web-{21CF7C96-DEF5-A29F-A8DE-27EEA71A3600}" dt="2023-04-05T13:52:54.142" v="72"/>
          <ac:spMkLst>
            <pc:docMk/>
            <pc:sldMk cId="2844336004" sldId="2147469489"/>
            <ac:spMk id="125" creationId="{D37BEA23-85C4-CE86-0DE1-27A2280B858D}"/>
          </ac:spMkLst>
        </pc:spChg>
        <pc:spChg chg="add del mod">
          <ac:chgData name="Dimitrios Markou" userId="S::dimitrios.markou_ericsson.com#ext#@intel.onmicrosoft.com::fd2b1209-3582-44e3-99a0-87b0e5b9367d" providerId="AD" clId="Web-{21CF7C96-DEF5-A29F-A8DE-27EEA71A3600}" dt="2023-04-05T13:54:48.928" v="82"/>
          <ac:spMkLst>
            <pc:docMk/>
            <pc:sldMk cId="2844336004" sldId="2147469489"/>
            <ac:spMk id="127" creationId="{36946B47-7213-1BD4-FBE6-7EC538390D9A}"/>
          </ac:spMkLst>
        </pc:spChg>
        <pc:spChg chg="add del mod">
          <ac:chgData name="Dimitrios Markou" userId="S::dimitrios.markou_ericsson.com#ext#@intel.onmicrosoft.com::fd2b1209-3582-44e3-99a0-87b0e5b9367d" providerId="AD" clId="Web-{21CF7C96-DEF5-A29F-A8DE-27EEA71A3600}" dt="2023-04-05T13:55:05.007" v="85"/>
          <ac:spMkLst>
            <pc:docMk/>
            <pc:sldMk cId="2844336004" sldId="2147469489"/>
            <ac:spMk id="129" creationId="{CF3DC443-21F7-DA73-19B7-D6DB339538CF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3:55:26.820" v="87" actId="1076"/>
          <ac:spMkLst>
            <pc:docMk/>
            <pc:sldMk cId="2844336004" sldId="2147469489"/>
            <ac:spMk id="131" creationId="{39970FA7-5E5E-3596-4109-B21E58D46B62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3:55:58.166" v="95" actId="1076"/>
          <ac:spMkLst>
            <pc:docMk/>
            <pc:sldMk cId="2844336004" sldId="2147469489"/>
            <ac:spMk id="135" creationId="{0196E4A6-FFF2-FD85-992D-197FC32C980D}"/>
          </ac:spMkLst>
        </pc:spChg>
        <pc:spChg chg="add del mod">
          <ac:chgData name="Dimitrios Markou" userId="S::dimitrios.markou_ericsson.com#ext#@intel.onmicrosoft.com::fd2b1209-3582-44e3-99a0-87b0e5b9367d" providerId="AD" clId="Web-{21CF7C96-DEF5-A29F-A8DE-27EEA71A3600}" dt="2023-04-05T14:02:21.978" v="166"/>
          <ac:spMkLst>
            <pc:docMk/>
            <pc:sldMk cId="2844336004" sldId="2147469489"/>
            <ac:spMk id="138" creationId="{B5EC1124-7096-9FDE-2176-087C3CA6C75A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3:57:44.232" v="120" actId="688"/>
          <ac:spMkLst>
            <pc:docMk/>
            <pc:sldMk cId="2844336004" sldId="2147469489"/>
            <ac:spMk id="139" creationId="{F51158E2-60BD-6378-7B2A-2ED91D56FD8B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3:58:27" v="124" actId="1076"/>
          <ac:spMkLst>
            <pc:docMk/>
            <pc:sldMk cId="2844336004" sldId="2147469489"/>
            <ac:spMk id="140" creationId="{0E1008C6-6E68-3D96-B3F7-2572CEB0AF5E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0:34.177" v="146" actId="1076"/>
          <ac:spMkLst>
            <pc:docMk/>
            <pc:sldMk cId="2844336004" sldId="2147469489"/>
            <ac:spMk id="142" creationId="{2E27A121-74CF-6A14-4BFA-BA01EE1B21D2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1:32.211" v="155" actId="1076"/>
          <ac:spMkLst>
            <pc:docMk/>
            <pc:sldMk cId="2844336004" sldId="2147469489"/>
            <ac:spMk id="144" creationId="{BCC68ACC-EDA9-DD97-C436-F8A01756B2DC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0:53.881" v="150" actId="1076"/>
          <ac:spMkLst>
            <pc:docMk/>
            <pc:sldMk cId="2844336004" sldId="2147469489"/>
            <ac:spMk id="145" creationId="{96EA0CB5-8310-2271-4EFE-EABB61C17AF3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1:21.210" v="154" actId="1076"/>
          <ac:spMkLst>
            <pc:docMk/>
            <pc:sldMk cId="2844336004" sldId="2147469489"/>
            <ac:spMk id="147" creationId="{859E8778-9019-0E71-EBA1-1F39F798A5EF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3:40.966" v="181" actId="14100"/>
          <ac:spMkLst>
            <pc:docMk/>
            <pc:sldMk cId="2844336004" sldId="2147469489"/>
            <ac:spMk id="159" creationId="{B3424CEE-DB87-2243-D367-48768505DCBF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4:24.765" v="192" actId="1076"/>
          <ac:spMkLst>
            <pc:docMk/>
            <pc:sldMk cId="2844336004" sldId="2147469489"/>
            <ac:spMk id="160" creationId="{9B11DA35-C9B4-D2AE-B604-FD7374E8558A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4:50.985" v="201" actId="1076"/>
          <ac:spMkLst>
            <pc:docMk/>
            <pc:sldMk cId="2844336004" sldId="2147469489"/>
            <ac:spMk id="161" creationId="{A8D1955F-16AA-9B5A-C4D9-82E5ED41734B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5:02.298" v="203" actId="1076"/>
          <ac:spMkLst>
            <pc:docMk/>
            <pc:sldMk cId="2844336004" sldId="2147469489"/>
            <ac:spMk id="162" creationId="{67604319-5434-5B1C-5666-1ED53F250DA7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5:14.736" v="207" actId="1076"/>
          <ac:spMkLst>
            <pc:docMk/>
            <pc:sldMk cId="2844336004" sldId="2147469489"/>
            <ac:spMk id="163" creationId="{F414D61F-A738-D466-8DFD-6BE662DC72CC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5:22.595" v="209" actId="1076"/>
          <ac:spMkLst>
            <pc:docMk/>
            <pc:sldMk cId="2844336004" sldId="2147469489"/>
            <ac:spMk id="164" creationId="{4C740E4C-F940-7027-7D60-7C2C66CBD718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5:36.658" v="212" actId="688"/>
          <ac:spMkLst>
            <pc:docMk/>
            <pc:sldMk cId="2844336004" sldId="2147469489"/>
            <ac:spMk id="165" creationId="{7A1FE772-00F6-23F7-B852-F475CB5C2142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5:47.112" v="216" actId="1076"/>
          <ac:spMkLst>
            <pc:docMk/>
            <pc:sldMk cId="2844336004" sldId="2147469489"/>
            <ac:spMk id="166" creationId="{1600B675-0C2E-3E71-0EE1-3782CAC3B7FD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5:55.472" v="220" actId="1076"/>
          <ac:spMkLst>
            <pc:docMk/>
            <pc:sldMk cId="2844336004" sldId="2147469489"/>
            <ac:spMk id="167" creationId="{26F2B0B0-1A16-58A6-134C-7C854A6DC0C2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7:47.570" v="247"/>
          <ac:spMkLst>
            <pc:docMk/>
            <pc:sldMk cId="2844336004" sldId="2147469489"/>
            <ac:spMk id="168" creationId="{9BCA2139-5267-4168-D513-83CD72D3C973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48:31.607" v="361" actId="1076"/>
          <ac:spMkLst>
            <pc:docMk/>
            <pc:sldMk cId="2844336004" sldId="2147469489"/>
            <ac:spMk id="169" creationId="{951375D3-AD25-1A59-9B43-2C73D021FA1E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08:19.837" v="253" actId="1076"/>
          <ac:spMkLst>
            <pc:docMk/>
            <pc:sldMk cId="2844336004" sldId="2147469489"/>
            <ac:spMk id="170" creationId="{199B5EB3-F65B-9C27-57AA-E2347355C651}"/>
          </ac:spMkLst>
        </pc:spChg>
        <pc:spChg chg="add mod">
          <ac:chgData name="Dimitrios Markou" userId="S::dimitrios.markou_ericsson.com#ext#@intel.onmicrosoft.com::fd2b1209-3582-44e3-99a0-87b0e5b9367d" providerId="AD" clId="Web-{21CF7C96-DEF5-A29F-A8DE-27EEA71A3600}" dt="2023-04-05T14:49:04.750" v="367" actId="1076"/>
          <ac:spMkLst>
            <pc:docMk/>
            <pc:sldMk cId="2844336004" sldId="2147469489"/>
            <ac:spMk id="171" creationId="{FF9B1A04-AA62-BB5A-6D9A-E0427ACF54FD}"/>
          </ac:spMkLst>
        </pc:spChg>
        <pc:grpChg chg="del">
          <ac:chgData name="Dimitrios Markou" userId="S::dimitrios.markou_ericsson.com#ext#@intel.onmicrosoft.com::fd2b1209-3582-44e3-99a0-87b0e5b9367d" providerId="AD" clId="Web-{21CF7C96-DEF5-A29F-A8DE-27EEA71A3600}" dt="2023-04-05T13:45:37.561" v="6"/>
          <ac:grpSpMkLst>
            <pc:docMk/>
            <pc:sldMk cId="2844336004" sldId="2147469489"/>
            <ac:grpSpMk id="5" creationId="{1AFA5636-6951-35A8-1875-3593F3386EAD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47:41.129" v="25"/>
          <ac:grpSpMkLst>
            <pc:docMk/>
            <pc:sldMk cId="2844336004" sldId="2147469489"/>
            <ac:grpSpMk id="11" creationId="{A2099EA9-C102-B01B-7B3E-1946DFF93D53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45:24.280" v="3"/>
          <ac:grpSpMkLst>
            <pc:docMk/>
            <pc:sldMk cId="2844336004" sldId="2147469489"/>
            <ac:grpSpMk id="12" creationId="{DF1D5C3B-74CB-F5E3-92DA-A479E93AF3A5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45:13.529" v="1"/>
          <ac:grpSpMkLst>
            <pc:docMk/>
            <pc:sldMk cId="2844336004" sldId="2147469489"/>
            <ac:grpSpMk id="19" creationId="{CF25DC00-908E-18AE-6FA6-35116C8D0CBE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47:55.005" v="27"/>
          <ac:grpSpMkLst>
            <pc:docMk/>
            <pc:sldMk cId="2844336004" sldId="2147469489"/>
            <ac:grpSpMk id="23" creationId="{B725EFD0-214C-FD21-F43F-5DA61D78B9DA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45:33.249" v="5"/>
          <ac:grpSpMkLst>
            <pc:docMk/>
            <pc:sldMk cId="2844336004" sldId="2147469489"/>
            <ac:grpSpMk id="37" creationId="{A244990A-BE23-DDC5-44A1-75A38E276C8A}"/>
          </ac:grpSpMkLst>
        </pc:grpChg>
        <pc:grpChg chg="mod">
          <ac:chgData name="Dimitrios Markou" userId="S::dimitrios.markou_ericsson.com#ext#@intel.onmicrosoft.com::fd2b1209-3582-44e3-99a0-87b0e5b9367d" providerId="AD" clId="Web-{21CF7C96-DEF5-A29F-A8DE-27EEA71A3600}" dt="2023-04-05T14:10:05.810" v="290" actId="1076"/>
          <ac:grpSpMkLst>
            <pc:docMk/>
            <pc:sldMk cId="2844336004" sldId="2147469489"/>
            <ac:grpSpMk id="41" creationId="{3F3957BF-CCC7-5B46-492E-7CFFCE86DB42}"/>
          </ac:grpSpMkLst>
        </pc:grpChg>
        <pc:grpChg chg="mod">
          <ac:chgData name="Dimitrios Markou" userId="S::dimitrios.markou_ericsson.com#ext#@intel.onmicrosoft.com::fd2b1209-3582-44e3-99a0-87b0e5b9367d" providerId="AD" clId="Web-{21CF7C96-DEF5-A29F-A8DE-27EEA71A3600}" dt="2023-04-05T13:49:13.242" v="39" actId="1076"/>
          <ac:grpSpMkLst>
            <pc:docMk/>
            <pc:sldMk cId="2844336004" sldId="2147469489"/>
            <ac:grpSpMk id="42" creationId="{07F71A20-DC59-703E-4ABF-F0AE6268C10E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44:58.263" v="0"/>
          <ac:grpSpMkLst>
            <pc:docMk/>
            <pc:sldMk cId="2844336004" sldId="2147469489"/>
            <ac:grpSpMk id="43" creationId="{F3DF558D-4D7E-E379-31A5-409BD7C8286D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59:50.566" v="138"/>
          <ac:grpSpMkLst>
            <pc:docMk/>
            <pc:sldMk cId="2844336004" sldId="2147469489"/>
            <ac:grpSpMk id="85" creationId="{5E406395-2E15-EEB6-81DE-2F92B0F3CEC6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59:43.097" v="136"/>
          <ac:grpSpMkLst>
            <pc:docMk/>
            <pc:sldMk cId="2844336004" sldId="2147469489"/>
            <ac:grpSpMk id="86" creationId="{A79C73F6-9503-D1AF-A679-F86199AF957F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4:00:03.488" v="142"/>
          <ac:grpSpMkLst>
            <pc:docMk/>
            <pc:sldMk cId="2844336004" sldId="2147469489"/>
            <ac:grpSpMk id="91" creationId="{DCE51D86-607B-D866-829F-7A3E73425C8E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59:59.988" v="141"/>
          <ac:grpSpMkLst>
            <pc:docMk/>
            <pc:sldMk cId="2844336004" sldId="2147469489"/>
            <ac:grpSpMk id="98" creationId="{B2419AE7-A35A-1187-AFE3-65CD7720A2D8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59:39.097" v="135"/>
          <ac:grpSpMkLst>
            <pc:docMk/>
            <pc:sldMk cId="2844336004" sldId="2147469489"/>
            <ac:grpSpMk id="112" creationId="{DA3B49DE-C11F-FB8D-E7E2-99E1A3EDAE6E}"/>
          </ac:grpSpMkLst>
        </pc:grpChg>
        <pc:grpChg chg="del">
          <ac:chgData name="Dimitrios Markou" userId="S::dimitrios.markou_ericsson.com#ext#@intel.onmicrosoft.com::fd2b1209-3582-44e3-99a0-87b0e5b9367d" providerId="AD" clId="Web-{21CF7C96-DEF5-A29F-A8DE-27EEA71A3600}" dt="2023-04-05T13:59:53.003" v="139"/>
          <ac:grpSpMkLst>
            <pc:docMk/>
            <pc:sldMk cId="2844336004" sldId="2147469489"/>
            <ac:grpSpMk id="116" creationId="{632C4D21-1C21-78D2-7902-A01FFA64026A}"/>
          </ac:grpSpMkLst>
        </pc:grpChg>
        <pc:grpChg chg="add mod">
          <ac:chgData name="Dimitrios Markou" userId="S::dimitrios.markou_ericsson.com#ext#@intel.onmicrosoft.com::fd2b1209-3582-44e3-99a0-87b0e5b9367d" providerId="AD" clId="Web-{21CF7C96-DEF5-A29F-A8DE-27EEA71A3600}" dt="2023-04-05T14:02:15.166" v="164" actId="1076"/>
          <ac:grpSpMkLst>
            <pc:docMk/>
            <pc:sldMk cId="2844336004" sldId="2147469489"/>
            <ac:grpSpMk id="148" creationId="{1D0FA90C-3E28-5CB5-AC55-36D7F9A00AD8}"/>
          </ac:grpSpMkLst>
        </pc:grpChg>
        <pc:grpChg chg="add mod">
          <ac:chgData name="Dimitrios Markou" userId="S::dimitrios.markou_ericsson.com#ext#@intel.onmicrosoft.com::fd2b1209-3582-44e3-99a0-87b0e5b9367d" providerId="AD" clId="Web-{21CF7C96-DEF5-A29F-A8DE-27EEA71A3600}" dt="2023-04-05T14:02:11.603" v="163" actId="1076"/>
          <ac:grpSpMkLst>
            <pc:docMk/>
            <pc:sldMk cId="2844336004" sldId="2147469489"/>
            <ac:grpSpMk id="149" creationId="{08E45D76-6964-84B9-0947-D14E9C36F661}"/>
          </ac:grpSpMkLst>
        </pc:grpChg>
        <pc:grpChg chg="add mod">
          <ac:chgData name="Dimitrios Markou" userId="S::dimitrios.markou_ericsson.com#ext#@intel.onmicrosoft.com::fd2b1209-3582-44e3-99a0-87b0e5b9367d" providerId="AD" clId="Web-{21CF7C96-DEF5-A29F-A8DE-27EEA71A3600}" dt="2023-04-05T14:01:52.196" v="159" actId="1076"/>
          <ac:grpSpMkLst>
            <pc:docMk/>
            <pc:sldMk cId="2844336004" sldId="2147469489"/>
            <ac:grpSpMk id="154" creationId="{55556DF8-DC04-6833-9708-1D18E563E777}"/>
          </ac:grpSpMkLst>
        </pc:grpChg>
        <pc:cxnChg chg="mod">
          <ac:chgData name="Dimitrios Markou" userId="S::dimitrios.markou_ericsson.com#ext#@intel.onmicrosoft.com::fd2b1209-3582-44e3-99a0-87b0e5b9367d" providerId="AD" clId="Web-{21CF7C96-DEF5-A29F-A8DE-27EEA71A3600}" dt="2023-04-05T13:54:14.130" v="76" actId="1076"/>
          <ac:cxnSpMkLst>
            <pc:docMk/>
            <pc:sldMk cId="2844336004" sldId="2147469489"/>
            <ac:cxnSpMk id="14" creationId="{4D65722B-78E7-0F0F-C0B9-0A4A83517F31}"/>
          </ac:cxnSpMkLst>
        </pc:cxnChg>
        <pc:cxnChg chg="del mod">
          <ac:chgData name="Dimitrios Markou" userId="S::dimitrios.markou_ericsson.com#ext#@intel.onmicrosoft.com::fd2b1209-3582-44e3-99a0-87b0e5b9367d" providerId="AD" clId="Web-{21CF7C96-DEF5-A29F-A8DE-27EEA71A3600}" dt="2023-04-05T13:48:04.474" v="29"/>
          <ac:cxnSpMkLst>
            <pc:docMk/>
            <pc:sldMk cId="2844336004" sldId="2147469489"/>
            <ac:cxnSpMk id="15" creationId="{1B59B5D0-CFAE-2F95-4923-D209E77FCAEA}"/>
          </ac:cxnSpMkLst>
        </pc:cxnChg>
        <pc:cxnChg chg="del mod">
          <ac:chgData name="Dimitrios Markou" userId="S::dimitrios.markou_ericsson.com#ext#@intel.onmicrosoft.com::fd2b1209-3582-44e3-99a0-87b0e5b9367d" providerId="AD" clId="Web-{21CF7C96-DEF5-A29F-A8DE-27EEA71A3600}" dt="2023-04-05T13:47:58.442" v="28"/>
          <ac:cxnSpMkLst>
            <pc:docMk/>
            <pc:sldMk cId="2844336004" sldId="2147469489"/>
            <ac:cxnSpMk id="18" creationId="{12AEE6DF-024D-F31E-55BE-B0B8A6B0AC49}"/>
          </ac:cxnSpMkLst>
        </pc:cxnChg>
        <pc:cxnChg chg="mod">
          <ac:chgData name="Dimitrios Markou" userId="S::dimitrios.markou_ericsson.com#ext#@intel.onmicrosoft.com::fd2b1209-3582-44e3-99a0-87b0e5b9367d" providerId="AD" clId="Web-{21CF7C96-DEF5-A29F-A8DE-27EEA71A3600}" dt="2023-04-05T13:44:58.263" v="0"/>
          <ac:cxnSpMkLst>
            <pc:docMk/>
            <pc:sldMk cId="2844336004" sldId="2147469489"/>
            <ac:cxnSpMk id="54" creationId="{CF8BE5EB-0096-1E30-210C-621F5A3ADB7B}"/>
          </ac:cxnSpMkLst>
        </pc:cxnChg>
        <pc:cxnChg chg="mod">
          <ac:chgData name="Dimitrios Markou" userId="S::dimitrios.markou_ericsson.com#ext#@intel.onmicrosoft.com::fd2b1209-3582-44e3-99a0-87b0e5b9367d" providerId="AD" clId="Web-{21CF7C96-DEF5-A29F-A8DE-27EEA71A3600}" dt="2023-04-05T14:02:05.681" v="162" actId="14100"/>
          <ac:cxnSpMkLst>
            <pc:docMk/>
            <pc:sldMk cId="2844336004" sldId="2147469489"/>
            <ac:cxnSpMk id="92" creationId="{A4C7432D-A1AF-D10D-D8A7-405343598C9E}"/>
          </ac:cxnSpMkLst>
        </pc:cxnChg>
        <pc:cxnChg chg="add mod">
          <ac:chgData name="Dimitrios Markou" userId="S::dimitrios.markou_ericsson.com#ext#@intel.onmicrosoft.com::fd2b1209-3582-44e3-99a0-87b0e5b9367d" providerId="AD" clId="Web-{21CF7C96-DEF5-A29F-A8DE-27EEA71A3600}" dt="2023-04-05T13:55:48.665" v="93" actId="14100"/>
          <ac:cxnSpMkLst>
            <pc:docMk/>
            <pc:sldMk cId="2844336004" sldId="2147469489"/>
            <ac:cxnSpMk id="133" creationId="{F8E8D949-52C0-767A-22F3-D4F7808808D7}"/>
          </ac:cxnSpMkLst>
        </pc:cxnChg>
        <pc:cxnChg chg="add mod">
          <ac:chgData name="Dimitrios Markou" userId="S::dimitrios.markou_ericsson.com#ext#@intel.onmicrosoft.com::fd2b1209-3582-44e3-99a0-87b0e5b9367d" providerId="AD" clId="Web-{21CF7C96-DEF5-A29F-A8DE-27EEA71A3600}" dt="2023-04-05T13:56:10.322" v="98" actId="14100"/>
          <ac:cxnSpMkLst>
            <pc:docMk/>
            <pc:sldMk cId="2844336004" sldId="2147469489"/>
            <ac:cxnSpMk id="137" creationId="{73FE43A0-CD6A-3908-FDD5-8F65B5BD299B}"/>
          </ac:cxnSpMkLst>
        </pc:cxnChg>
      </pc:sldChg>
      <pc:sldChg chg="new">
        <pc:chgData name="Dimitrios Markou" userId="S::dimitrios.markou_ericsson.com#ext#@intel.onmicrosoft.com::fd2b1209-3582-44e3-99a0-87b0e5b9367d" providerId="AD" clId="Web-{21CF7C96-DEF5-A29F-A8DE-27EEA71A3600}" dt="2023-04-05T15:31:30.351" v="421"/>
        <pc:sldMkLst>
          <pc:docMk/>
          <pc:sldMk cId="683261306" sldId="2147469490"/>
        </pc:sldMkLst>
      </pc:sldChg>
      <pc:sldChg chg="modSp new del">
        <pc:chgData name="Dimitrios Markou" userId="S::dimitrios.markou_ericsson.com#ext#@intel.onmicrosoft.com::fd2b1209-3582-44e3-99a0-87b0e5b9367d" providerId="AD" clId="Web-{21CF7C96-DEF5-A29F-A8DE-27EEA71A3600}" dt="2023-04-05T15:17:55.247" v="400"/>
        <pc:sldMkLst>
          <pc:docMk/>
          <pc:sldMk cId="3475667028" sldId="2147469490"/>
        </pc:sldMkLst>
        <pc:spChg chg="mod">
          <ac:chgData name="Dimitrios Markou" userId="S::dimitrios.markou_ericsson.com#ext#@intel.onmicrosoft.com::fd2b1209-3582-44e3-99a0-87b0e5b9367d" providerId="AD" clId="Web-{21CF7C96-DEF5-A29F-A8DE-27EEA71A3600}" dt="2023-04-05T15:17:26.917" v="399" actId="20577"/>
          <ac:spMkLst>
            <pc:docMk/>
            <pc:sldMk cId="3475667028" sldId="2147469490"/>
            <ac:spMk id="2" creationId="{31ECA264-8393-5051-9453-D98C013C6442}"/>
          </ac:spMkLst>
        </pc:spChg>
        <pc:spChg chg="mod">
          <ac:chgData name="Dimitrios Markou" userId="S::dimitrios.markou_ericsson.com#ext#@intel.onmicrosoft.com::fd2b1209-3582-44e3-99a0-87b0e5b9367d" providerId="AD" clId="Web-{21CF7C96-DEF5-A29F-A8DE-27EEA71A3600}" dt="2023-04-05T15:17:02.931" v="390" actId="20577"/>
          <ac:spMkLst>
            <pc:docMk/>
            <pc:sldMk cId="3475667028" sldId="2147469490"/>
            <ac:spMk id="3" creationId="{BC2566B2-0BC3-BA23-CE13-3FDA32C5DB5F}"/>
          </ac:spMkLst>
        </pc:spChg>
      </pc:sldChg>
    </pc:docChg>
  </pc:docChgLst>
  <pc:docChgLst>
    <pc:chgData name="Dimitrios Markou" userId="S::dimitrios.markou_ericsson.com#ext#@intel.onmicrosoft.com::fd2b1209-3582-44e3-99a0-87b0e5b9367d" providerId="AD" clId="Web-{D2BC49CE-16D7-025F-B047-344FCFFDB822}"/>
    <pc:docChg chg="modSld sldOrd">
      <pc:chgData name="Dimitrios Markou" userId="S::dimitrios.markou_ericsson.com#ext#@intel.onmicrosoft.com::fd2b1209-3582-44e3-99a0-87b0e5b9367d" providerId="AD" clId="Web-{D2BC49CE-16D7-025F-B047-344FCFFDB822}" dt="2023-04-18T14:57:20.873" v="109" actId="20577"/>
      <pc:docMkLst>
        <pc:docMk/>
      </pc:docMkLst>
      <pc:sldChg chg="modSp">
        <pc:chgData name="Dimitrios Markou" userId="S::dimitrios.markou_ericsson.com#ext#@intel.onmicrosoft.com::fd2b1209-3582-44e3-99a0-87b0e5b9367d" providerId="AD" clId="Web-{D2BC49CE-16D7-025F-B047-344FCFFDB822}" dt="2023-04-18T14:57:20.873" v="109" actId="20577"/>
        <pc:sldMkLst>
          <pc:docMk/>
          <pc:sldMk cId="0" sldId="256"/>
        </pc:sldMkLst>
        <pc:spChg chg="mod">
          <ac:chgData name="Dimitrios Markou" userId="S::dimitrios.markou_ericsson.com#ext#@intel.onmicrosoft.com::fd2b1209-3582-44e3-99a0-87b0e5b9367d" providerId="AD" clId="Web-{D2BC49CE-16D7-025F-B047-344FCFFDB822}" dt="2023-04-18T14:57:20.873" v="109" actId="20577"/>
          <ac:spMkLst>
            <pc:docMk/>
            <pc:sldMk cId="0" sldId="256"/>
            <ac:spMk id="350" creationId="{00000000-0000-0000-0000-000000000000}"/>
          </ac:spMkLst>
        </pc:spChg>
      </pc:sldChg>
      <pc:sldChg chg="modSp">
        <pc:chgData name="Dimitrios Markou" userId="S::dimitrios.markou_ericsson.com#ext#@intel.onmicrosoft.com::fd2b1209-3582-44e3-99a0-87b0e5b9367d" providerId="AD" clId="Web-{D2BC49CE-16D7-025F-B047-344FCFFDB822}" dt="2023-04-18T14:55:23.151" v="73" actId="20577"/>
        <pc:sldMkLst>
          <pc:docMk/>
          <pc:sldMk cId="1516139018" sldId="2147375708"/>
        </pc:sldMkLst>
        <pc:spChg chg="mod">
          <ac:chgData name="Dimitrios Markou" userId="S::dimitrios.markou_ericsson.com#ext#@intel.onmicrosoft.com::fd2b1209-3582-44e3-99a0-87b0e5b9367d" providerId="AD" clId="Web-{D2BC49CE-16D7-025F-B047-344FCFFDB822}" dt="2023-04-18T14:55:23.151" v="73" actId="20577"/>
          <ac:spMkLst>
            <pc:docMk/>
            <pc:sldMk cId="1516139018" sldId="2147375708"/>
            <ac:spMk id="35" creationId="{A440E702-4B1B-4D11-8275-E18A5BBC388D}"/>
          </ac:spMkLst>
        </pc:spChg>
        <pc:spChg chg="mod">
          <ac:chgData name="Dimitrios Markou" userId="S::dimitrios.markou_ericsson.com#ext#@intel.onmicrosoft.com::fd2b1209-3582-44e3-99a0-87b0e5b9367d" providerId="AD" clId="Web-{D2BC49CE-16D7-025F-B047-344FCFFDB822}" dt="2023-04-17T12:07:41.901" v="30" actId="20577"/>
          <ac:spMkLst>
            <pc:docMk/>
            <pc:sldMk cId="1516139018" sldId="2147375708"/>
            <ac:spMk id="40" creationId="{0BD7D5A5-7A43-4D93-83D9-F0DD98E67B1E}"/>
          </ac:spMkLst>
        </pc:spChg>
      </pc:sldChg>
      <pc:sldChg chg="modSp">
        <pc:chgData name="Dimitrios Markou" userId="S::dimitrios.markou_ericsson.com#ext#@intel.onmicrosoft.com::fd2b1209-3582-44e3-99a0-87b0e5b9367d" providerId="AD" clId="Web-{D2BC49CE-16D7-025F-B047-344FCFFDB822}" dt="2023-04-18T14:55:33.995" v="75" actId="20577"/>
        <pc:sldMkLst>
          <pc:docMk/>
          <pc:sldMk cId="2265169015" sldId="2147375710"/>
        </pc:sldMkLst>
        <pc:spChg chg="mod">
          <ac:chgData name="Dimitrios Markou" userId="S::dimitrios.markou_ericsson.com#ext#@intel.onmicrosoft.com::fd2b1209-3582-44e3-99a0-87b0e5b9367d" providerId="AD" clId="Web-{D2BC49CE-16D7-025F-B047-344FCFFDB822}" dt="2023-04-18T14:55:33.995" v="75" actId="20577"/>
          <ac:spMkLst>
            <pc:docMk/>
            <pc:sldMk cId="2265169015" sldId="2147375710"/>
            <ac:spMk id="44" creationId="{02F89623-00E3-40CD-947C-370536818823}"/>
          </ac:spMkLst>
        </pc:spChg>
      </pc:sldChg>
      <pc:sldChg chg="modSp modCm">
        <pc:chgData name="Dimitrios Markou" userId="S::dimitrios.markou_ericsson.com#ext#@intel.onmicrosoft.com::fd2b1209-3582-44e3-99a0-87b0e5b9367d" providerId="AD" clId="Web-{D2BC49CE-16D7-025F-B047-344FCFFDB822}" dt="2023-04-18T14:53:26.789" v="49" actId="20577"/>
        <pc:sldMkLst>
          <pc:docMk/>
          <pc:sldMk cId="1527140223" sldId="2147375793"/>
        </pc:sldMkLst>
        <pc:spChg chg="mod">
          <ac:chgData name="Dimitrios Markou" userId="S::dimitrios.markou_ericsson.com#ext#@intel.onmicrosoft.com::fd2b1209-3582-44e3-99a0-87b0e5b9367d" providerId="AD" clId="Web-{D2BC49CE-16D7-025F-B047-344FCFFDB822}" dt="2023-04-18T14:53:02.616" v="46" actId="20577"/>
          <ac:spMkLst>
            <pc:docMk/>
            <pc:sldMk cId="1527140223" sldId="2147375793"/>
            <ac:spMk id="115" creationId="{DCAA5D20-4DD0-49E5-B4C8-C867B29A62B6}"/>
          </ac:spMkLst>
        </pc:spChg>
        <pc:spChg chg="mod">
          <ac:chgData name="Dimitrios Markou" userId="S::dimitrios.markou_ericsson.com#ext#@intel.onmicrosoft.com::fd2b1209-3582-44e3-99a0-87b0e5b9367d" providerId="AD" clId="Web-{D2BC49CE-16D7-025F-B047-344FCFFDB822}" dt="2023-04-18T14:52:58.225" v="45" actId="20577"/>
          <ac:spMkLst>
            <pc:docMk/>
            <pc:sldMk cId="1527140223" sldId="2147375793"/>
            <ac:spMk id="124" creationId="{66B0090C-0433-479F-BF10-6B6748C6A441}"/>
          </ac:spMkLst>
        </pc:spChg>
        <pc:spChg chg="mod">
          <ac:chgData name="Dimitrios Markou" userId="S::dimitrios.markou_ericsson.com#ext#@intel.onmicrosoft.com::fd2b1209-3582-44e3-99a0-87b0e5b9367d" providerId="AD" clId="Web-{D2BC49CE-16D7-025F-B047-344FCFFDB822}" dt="2023-04-18T14:53:26.789" v="49" actId="20577"/>
          <ac:spMkLst>
            <pc:docMk/>
            <pc:sldMk cId="1527140223" sldId="2147375793"/>
            <ac:spMk id="128" creationId="{ABFBB9F2-2FDB-439E-8D5F-5DEBA3BE33E3}"/>
          </ac:spMkLst>
        </pc:spChg>
        <pc:extLst>
          <p:ext xmlns:p="http://schemas.openxmlformats.org/presentationml/2006/main" uri="{D6D511B9-2390-475A-947B-AFAB55BFBCF1}">
            <pc226:cmChg xmlns:pc226="http://schemas.microsoft.com/office/powerpoint/2022/06/main/command" chg="mod">
              <pc226:chgData name="Dimitrios Markou" userId="S::dimitrios.markou_ericsson.com#ext#@intel.onmicrosoft.com::fd2b1209-3582-44e3-99a0-87b0e5b9367d" providerId="AD" clId="Web-{D2BC49CE-16D7-025F-B047-344FCFFDB822}" dt="2023-04-18T14:53:15.773" v="47" actId="20577"/>
              <pc2:cmMkLst xmlns:pc2="http://schemas.microsoft.com/office/powerpoint/2019/9/main/command">
                <pc:docMk/>
                <pc:sldMk cId="1527140223" sldId="2147375793"/>
                <pc2:cmMk id="{F6A44314-AD07-4F7F-B5A4-5A7D3D62B7BF}"/>
              </pc2:cmMkLst>
            </pc226:cmChg>
            <pc226:cmChg xmlns:pc226="http://schemas.microsoft.com/office/powerpoint/2022/06/main/command" chg="mod">
              <pc226:chgData name="Dimitrios Markou" userId="S::dimitrios.markou_ericsson.com#ext#@intel.onmicrosoft.com::fd2b1209-3582-44e3-99a0-87b0e5b9367d" providerId="AD" clId="Web-{D2BC49CE-16D7-025F-B047-344FCFFDB822}" dt="2023-04-18T14:52:58.225" v="45" actId="20577"/>
              <pc2:cmMkLst xmlns:pc2="http://schemas.microsoft.com/office/powerpoint/2019/9/main/command">
                <pc:docMk/>
                <pc:sldMk cId="1527140223" sldId="2147375793"/>
                <pc2:cmMk id="{226D2BFE-AD14-40EF-871F-766FA698889E}"/>
              </pc2:cmMkLst>
            </pc226:cmChg>
          </p:ext>
        </pc:extLst>
      </pc:sldChg>
      <pc:sldChg chg="modSp">
        <pc:chgData name="Dimitrios Markou" userId="S::dimitrios.markou_ericsson.com#ext#@intel.onmicrosoft.com::fd2b1209-3582-44e3-99a0-87b0e5b9367d" providerId="AD" clId="Web-{D2BC49CE-16D7-025F-B047-344FCFFDB822}" dt="2023-04-18T14:55:57.262" v="76" actId="20577"/>
        <pc:sldMkLst>
          <pc:docMk/>
          <pc:sldMk cId="876791639" sldId="2147469486"/>
        </pc:sldMkLst>
        <pc:spChg chg="mod">
          <ac:chgData name="Dimitrios Markou" userId="S::dimitrios.markou_ericsson.com#ext#@intel.onmicrosoft.com::fd2b1209-3582-44e3-99a0-87b0e5b9367d" providerId="AD" clId="Web-{D2BC49CE-16D7-025F-B047-344FCFFDB822}" dt="2023-04-18T14:55:57.262" v="76" actId="20577"/>
          <ac:spMkLst>
            <pc:docMk/>
            <pc:sldMk cId="876791639" sldId="2147469486"/>
            <ac:spMk id="5" creationId="{C92AE774-3B29-EFAE-D370-08719A3730E3}"/>
          </ac:spMkLst>
        </pc:spChg>
      </pc:sldChg>
      <pc:sldChg chg="addSp modSp">
        <pc:chgData name="Dimitrios Markou" userId="S::dimitrios.markou_ericsson.com#ext#@intel.onmicrosoft.com::fd2b1209-3582-44e3-99a0-87b0e5b9367d" providerId="AD" clId="Web-{D2BC49CE-16D7-025F-B047-344FCFFDB822}" dt="2023-04-17T12:08:53.497" v="44" actId="1076"/>
        <pc:sldMkLst>
          <pc:docMk/>
          <pc:sldMk cId="3071953759" sldId="2147469487"/>
        </pc:sldMkLst>
        <pc:spChg chg="add mod">
          <ac:chgData name="Dimitrios Markou" userId="S::dimitrios.markou_ericsson.com#ext#@intel.onmicrosoft.com::fd2b1209-3582-44e3-99a0-87b0e5b9367d" providerId="AD" clId="Web-{D2BC49CE-16D7-025F-B047-344FCFFDB822}" dt="2023-04-17T12:08:53.497" v="44" actId="1076"/>
          <ac:spMkLst>
            <pc:docMk/>
            <pc:sldMk cId="3071953759" sldId="2147469487"/>
            <ac:spMk id="13" creationId="{8911B5A1-27BC-CDE0-4529-CDDA6869826D}"/>
          </ac:spMkLst>
        </pc:spChg>
        <pc:spChg chg="mod">
          <ac:chgData name="Dimitrios Markou" userId="S::dimitrios.markou_ericsson.com#ext#@intel.onmicrosoft.com::fd2b1209-3582-44e3-99a0-87b0e5b9367d" providerId="AD" clId="Web-{D2BC49CE-16D7-025F-B047-344FCFFDB822}" dt="2023-04-17T11:49:57.155" v="26" actId="20577"/>
          <ac:spMkLst>
            <pc:docMk/>
            <pc:sldMk cId="3071953759" sldId="2147469487"/>
            <ac:spMk id="19" creationId="{06599F55-ACE7-45C0-9F84-A307E98E611F}"/>
          </ac:spMkLst>
        </pc:spChg>
        <pc:spChg chg="mod">
          <ac:chgData name="Dimitrios Markou" userId="S::dimitrios.markou_ericsson.com#ext#@intel.onmicrosoft.com::fd2b1209-3582-44e3-99a0-87b0e5b9367d" providerId="AD" clId="Web-{D2BC49CE-16D7-025F-B047-344FCFFDB822}" dt="2023-04-17T11:49:49.139" v="24" actId="20577"/>
          <ac:spMkLst>
            <pc:docMk/>
            <pc:sldMk cId="3071953759" sldId="2147469487"/>
            <ac:spMk id="22" creationId="{DF665670-E2A0-4605-9504-3FE343B4D9A0}"/>
          </ac:spMkLst>
        </pc:spChg>
        <pc:spChg chg="mod">
          <ac:chgData name="Dimitrios Markou" userId="S::dimitrios.markou_ericsson.com#ext#@intel.onmicrosoft.com::fd2b1209-3582-44e3-99a0-87b0e5b9367d" providerId="AD" clId="Web-{D2BC49CE-16D7-025F-B047-344FCFFDB822}" dt="2023-04-17T12:08:41.419" v="42" actId="20577"/>
          <ac:spMkLst>
            <pc:docMk/>
            <pc:sldMk cId="3071953759" sldId="2147469487"/>
            <ac:spMk id="68" creationId="{12987EBC-ADC0-43F6-B0A0-A515C49A937C}"/>
          </ac:spMkLst>
        </pc:spChg>
      </pc:sldChg>
      <pc:sldChg chg="modSp">
        <pc:chgData name="Dimitrios Markou" userId="S::dimitrios.markou_ericsson.com#ext#@intel.onmicrosoft.com::fd2b1209-3582-44e3-99a0-87b0e5b9367d" providerId="AD" clId="Web-{D2BC49CE-16D7-025F-B047-344FCFFDB822}" dt="2023-04-18T14:55:01.448" v="72" actId="20577"/>
        <pc:sldMkLst>
          <pc:docMk/>
          <pc:sldMk cId="683261306" sldId="2147469490"/>
        </pc:sldMkLst>
        <pc:spChg chg="mod">
          <ac:chgData name="Dimitrios Markou" userId="S::dimitrios.markou_ericsson.com#ext#@intel.onmicrosoft.com::fd2b1209-3582-44e3-99a0-87b0e5b9367d" providerId="AD" clId="Web-{D2BC49CE-16D7-025F-B047-344FCFFDB822}" dt="2023-04-18T14:55:01.448" v="72" actId="20577"/>
          <ac:spMkLst>
            <pc:docMk/>
            <pc:sldMk cId="683261306" sldId="2147469490"/>
            <ac:spMk id="3" creationId="{9117D880-600B-C224-77D4-46B227FE0FCB}"/>
          </ac:spMkLst>
        </pc:spChg>
      </pc:sldChg>
      <pc:sldChg chg="mod ord modShow">
        <pc:chgData name="Dimitrios Markou" userId="S::dimitrios.markou_ericsson.com#ext#@intel.onmicrosoft.com::fd2b1209-3582-44e3-99a0-87b0e5b9367d" providerId="AD" clId="Web-{D2BC49CE-16D7-025F-B047-344FCFFDB822}" dt="2023-04-17T12:07:48.261" v="32"/>
        <pc:sldMkLst>
          <pc:docMk/>
          <pc:sldMk cId="4042933217" sldId="2147469491"/>
        </pc:sldMkLst>
      </pc:sldChg>
    </pc:docChg>
  </pc:docChgLst>
  <pc:docChgLst>
    <pc:chgData name="Griffin, John" userId="S::john.griffin@intel.com::bdb63092-507d-4fe1-bbef-63b7df779301" providerId="AD" clId="Web-{437D2104-B764-CA6E-0D92-566AEAC32615}"/>
    <pc:docChg chg="modSld">
      <pc:chgData name="Griffin, John" userId="S::john.griffin@intel.com::bdb63092-507d-4fe1-bbef-63b7df779301" providerId="AD" clId="Web-{437D2104-B764-CA6E-0D92-566AEAC32615}" dt="2024-02-02T15:58:53.565" v="0"/>
      <pc:docMkLst>
        <pc:docMk/>
      </pc:docMkLst>
      <pc:sldChg chg="delSp">
        <pc:chgData name="Griffin, John" userId="S::john.griffin@intel.com::bdb63092-507d-4fe1-bbef-63b7df779301" providerId="AD" clId="Web-{437D2104-B764-CA6E-0D92-566AEAC32615}" dt="2024-02-02T15:58:53.565" v="0"/>
        <pc:sldMkLst>
          <pc:docMk/>
          <pc:sldMk cId="322511853" sldId="2147469495"/>
        </pc:sldMkLst>
        <pc:spChg chg="del">
          <ac:chgData name="Griffin, John" userId="S::john.griffin@intel.com::bdb63092-507d-4fe1-bbef-63b7df779301" providerId="AD" clId="Web-{437D2104-B764-CA6E-0D92-566AEAC32615}" dt="2024-02-02T15:58:53.565" v="0"/>
          <ac:spMkLst>
            <pc:docMk/>
            <pc:sldMk cId="322511853" sldId="2147469495"/>
            <ac:spMk id="9" creationId="{9EEF3D8D-33BB-EDCF-79EA-926D58DF4602}"/>
          </ac:spMkLst>
        </pc:spChg>
      </pc:sldChg>
    </pc:docChg>
  </pc:docChgLst>
  <pc:docChgLst>
    <pc:chgData name="Dimitrios Markou" userId="S::dimitrios.markou_ericsson.com#ext#@intel.onmicrosoft.com::fd2b1209-3582-44e3-99a0-87b0e5b9367d" providerId="AD" clId="Web-{FB6E8FA6-4F25-9F74-0297-13391BEEC60E}"/>
    <pc:docChg chg="modSld">
      <pc:chgData name="Dimitrios Markou" userId="S::dimitrios.markou_ericsson.com#ext#@intel.onmicrosoft.com::fd2b1209-3582-44e3-99a0-87b0e5b9367d" providerId="AD" clId="Web-{FB6E8FA6-4F25-9F74-0297-13391BEEC60E}" dt="2023-04-05T13:44:38.304" v="4" actId="1076"/>
      <pc:docMkLst>
        <pc:docMk/>
      </pc:docMkLst>
      <pc:sldChg chg="addSp modSp">
        <pc:chgData name="Dimitrios Markou" userId="S::dimitrios.markou_ericsson.com#ext#@intel.onmicrosoft.com::fd2b1209-3582-44e3-99a0-87b0e5b9367d" providerId="AD" clId="Web-{FB6E8FA6-4F25-9F74-0297-13391BEEC60E}" dt="2023-04-05T13:44:38.304" v="4" actId="1076"/>
        <pc:sldMkLst>
          <pc:docMk/>
          <pc:sldMk cId="2844336004" sldId="2147469489"/>
        </pc:sldMkLst>
        <pc:grpChg chg="add mod">
          <ac:chgData name="Dimitrios Markou" userId="S::dimitrios.markou_ericsson.com#ext#@intel.onmicrosoft.com::fd2b1209-3582-44e3-99a0-87b0e5b9367d" providerId="AD" clId="Web-{FB6E8FA6-4F25-9F74-0297-13391BEEC60E}" dt="2023-04-05T13:44:38.304" v="4" actId="1076"/>
          <ac:grpSpMkLst>
            <pc:docMk/>
            <pc:sldMk cId="2844336004" sldId="2147469489"/>
            <ac:grpSpMk id="41" creationId="{3F3957BF-CCC7-5B46-492E-7CFFCE86DB42}"/>
          </ac:grpSpMkLst>
        </pc:grpChg>
        <pc:grpChg chg="mod">
          <ac:chgData name="Dimitrios Markou" userId="S::dimitrios.markou_ericsson.com#ext#@intel.onmicrosoft.com::fd2b1209-3582-44e3-99a0-87b0e5b9367d" providerId="AD" clId="Web-{FB6E8FA6-4F25-9F74-0297-13391BEEC60E}" dt="2023-04-05T13:44:17.851" v="0" actId="1076"/>
          <ac:grpSpMkLst>
            <pc:docMk/>
            <pc:sldMk cId="2844336004" sldId="2147469489"/>
            <ac:grpSpMk id="42" creationId="{07F71A20-DC59-703E-4ABF-F0AE6268C10E}"/>
          </ac:grpSpMkLst>
        </pc:grpChg>
        <pc:cxnChg chg="mod">
          <ac:chgData name="Dimitrios Markou" userId="S::dimitrios.markou_ericsson.com#ext#@intel.onmicrosoft.com::fd2b1209-3582-44e3-99a0-87b0e5b9367d" providerId="AD" clId="Web-{FB6E8FA6-4F25-9F74-0297-13391BEEC60E}" dt="2023-04-05T13:44:22.866" v="1"/>
          <ac:cxnSpMkLst>
            <pc:docMk/>
            <pc:sldMk cId="2844336004" sldId="2147469489"/>
            <ac:cxnSpMk id="92" creationId="{A4C7432D-A1AF-D10D-D8A7-405343598C9E}"/>
          </ac:cxnSpMkLst>
        </pc:cxnChg>
        <pc:cxnChg chg="mod">
          <ac:chgData name="Dimitrios Markou" userId="S::dimitrios.markou_ericsson.com#ext#@intel.onmicrosoft.com::fd2b1209-3582-44e3-99a0-87b0e5b9367d" providerId="AD" clId="Web-{FB6E8FA6-4F25-9F74-0297-13391BEEC60E}" dt="2023-04-05T13:44:22.866" v="1"/>
          <ac:cxnSpMkLst>
            <pc:docMk/>
            <pc:sldMk cId="2844336004" sldId="2147469489"/>
            <ac:cxnSpMk id="93" creationId="{8AEA3F93-7D4C-6787-A0AB-15A5C31D65B8}"/>
          </ac:cxnSpMkLst>
        </pc:cxnChg>
        <pc:cxnChg chg="mod">
          <ac:chgData name="Dimitrios Markou" userId="S::dimitrios.markou_ericsson.com#ext#@intel.onmicrosoft.com::fd2b1209-3582-44e3-99a0-87b0e5b9367d" providerId="AD" clId="Web-{FB6E8FA6-4F25-9F74-0297-13391BEEC60E}" dt="2023-04-05T13:44:22.866" v="1"/>
          <ac:cxnSpMkLst>
            <pc:docMk/>
            <pc:sldMk cId="2844336004" sldId="2147469489"/>
            <ac:cxnSpMk id="94" creationId="{DF105C1D-4C06-D7CE-6D93-7B3CE3C4D722}"/>
          </ac:cxnSpMkLst>
        </pc:cxnChg>
        <pc:cxnChg chg="mod">
          <ac:chgData name="Dimitrios Markou" userId="S::dimitrios.markou_ericsson.com#ext#@intel.onmicrosoft.com::fd2b1209-3582-44e3-99a0-87b0e5b9367d" providerId="AD" clId="Web-{FB6E8FA6-4F25-9F74-0297-13391BEEC60E}" dt="2023-04-05T13:44:22.866" v="1"/>
          <ac:cxnSpMkLst>
            <pc:docMk/>
            <pc:sldMk cId="2844336004" sldId="2147469489"/>
            <ac:cxnSpMk id="97" creationId="{2EEC2B0E-6A27-BDE2-D332-4AE2BCE44F68}"/>
          </ac:cxnSpMkLst>
        </pc:cxnChg>
      </pc:sldChg>
    </pc:docChg>
  </pc:docChgLst>
  <pc:docChgLst>
    <pc:chgData name="Mangan, John" userId="bf0d18ff-2128-4b0e-940a-ed90586aa884" providerId="ADAL" clId="{A6B9172F-0FD6-4C60-AA5D-CC3F8B3220EE}"/>
    <pc:docChg chg="modSld modNotesMaster">
      <pc:chgData name="Mangan, John" userId="bf0d18ff-2128-4b0e-940a-ed90586aa884" providerId="ADAL" clId="{A6B9172F-0FD6-4C60-AA5D-CC3F8B3220EE}" dt="2023-02-24T15:34:08.873" v="0"/>
      <pc:docMkLst>
        <pc:docMk/>
      </pc:docMkLst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0" sldId="256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0" sldId="276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219157774" sldId="2145704883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1516139018" sldId="2147375708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2265169015" sldId="2147375710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966300875" sldId="2147375718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3385811369" sldId="2147375732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988218268" sldId="2147375773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817523821" sldId="2147375780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1527140223" sldId="2147375793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3492267702" sldId="2147469483"/>
        </pc:sldMkLst>
      </pc:sldChg>
      <pc:sldChg chg="modNotes">
        <pc:chgData name="Mangan, John" userId="bf0d18ff-2128-4b0e-940a-ed90586aa884" providerId="ADAL" clId="{A6B9172F-0FD6-4C60-AA5D-CC3F8B3220EE}" dt="2023-02-24T15:34:08.873" v="0"/>
        <pc:sldMkLst>
          <pc:docMk/>
          <pc:sldMk cId="3071953759" sldId="2147469487"/>
        </pc:sldMkLst>
      </pc:sldChg>
    </pc:docChg>
  </pc:docChgLst>
  <pc:docChgLst>
    <pc:chgData name="Dimitrios Markou" userId="S::dimitrios.markou_ericsson.com#ext#@intel.onmicrosoft.com::fd2b1209-3582-44e3-99a0-87b0e5b9367d" providerId="AD" clId="Web-{6DBDCB34-F1C3-5ABB-9D22-4558BD183C1B}"/>
    <pc:docChg chg="modSld">
      <pc:chgData name="Dimitrios Markou" userId="S::dimitrios.markou_ericsson.com#ext#@intel.onmicrosoft.com::fd2b1209-3582-44e3-99a0-87b0e5b9367d" providerId="AD" clId="Web-{6DBDCB34-F1C3-5ABB-9D22-4558BD183C1B}" dt="2023-04-19T09:42:39.541" v="42" actId="20577"/>
      <pc:docMkLst>
        <pc:docMk/>
      </pc:docMkLst>
      <pc:sldChg chg="modSp">
        <pc:chgData name="Dimitrios Markou" userId="S::dimitrios.markou_ericsson.com#ext#@intel.onmicrosoft.com::fd2b1209-3582-44e3-99a0-87b0e5b9367d" providerId="AD" clId="Web-{6DBDCB34-F1C3-5ABB-9D22-4558BD183C1B}" dt="2023-04-19T09:41:47.102" v="10" actId="20577"/>
        <pc:sldMkLst>
          <pc:docMk/>
          <pc:sldMk cId="0" sldId="256"/>
        </pc:sldMkLst>
        <pc:spChg chg="mod">
          <ac:chgData name="Dimitrios Markou" userId="S::dimitrios.markou_ericsson.com#ext#@intel.onmicrosoft.com::fd2b1209-3582-44e3-99a0-87b0e5b9367d" providerId="AD" clId="Web-{6DBDCB34-F1C3-5ABB-9D22-4558BD183C1B}" dt="2023-04-19T09:41:47.102" v="10" actId="20577"/>
          <ac:spMkLst>
            <pc:docMk/>
            <pc:sldMk cId="0" sldId="256"/>
            <ac:spMk id="349" creationId="{00000000-0000-0000-0000-000000000000}"/>
          </ac:spMkLst>
        </pc:spChg>
      </pc:sldChg>
      <pc:sldChg chg="modSp">
        <pc:chgData name="Dimitrios Markou" userId="S::dimitrios.markou_ericsson.com#ext#@intel.onmicrosoft.com::fd2b1209-3582-44e3-99a0-87b0e5b9367d" providerId="AD" clId="Web-{6DBDCB34-F1C3-5ABB-9D22-4558BD183C1B}" dt="2023-04-19T09:42:39.541" v="42" actId="20577"/>
        <pc:sldMkLst>
          <pc:docMk/>
          <pc:sldMk cId="683261306" sldId="2147469490"/>
        </pc:sldMkLst>
        <pc:spChg chg="mod">
          <ac:chgData name="Dimitrios Markou" userId="S::dimitrios.markou_ericsson.com#ext#@intel.onmicrosoft.com::fd2b1209-3582-44e3-99a0-87b0e5b9367d" providerId="AD" clId="Web-{6DBDCB34-F1C3-5ABB-9D22-4558BD183C1B}" dt="2023-04-19T09:42:39.541" v="42" actId="20577"/>
          <ac:spMkLst>
            <pc:docMk/>
            <pc:sldMk cId="683261306" sldId="2147469490"/>
            <ac:spMk id="3" creationId="{9117D880-600B-C224-77D4-46B227FE0FCB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457200" y="720725"/>
            <a:ext cx="6400800" cy="360045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731520" y="4560570"/>
            <a:ext cx="5852160" cy="432054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6645" tIns="96645" rIns="96645" bIns="96645" anchor="t" anchorCtr="0">
            <a:noAutofit/>
          </a:bodyPr>
          <a:lstStyle>
            <a:lvl1pPr marL="457200" marR="0" lvl="0" indent="-298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Char char="●"/>
              <a:defRPr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914400" marR="0" lvl="1" indent="-298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Char char="○"/>
              <a:defRPr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298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Char char="■"/>
              <a:defRPr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298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Char char="●"/>
              <a:defRPr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298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Char char="○"/>
              <a:defRPr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298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Char char="■"/>
              <a:defRPr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298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Char char="●"/>
              <a:defRPr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298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Char char="○"/>
              <a:defRPr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2984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Char char="■"/>
              <a:defRPr sz="11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4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5" name="Google Shape;345;g1332e3d512a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457200" y="720725"/>
            <a:ext cx="6400800" cy="360045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346" name="Google Shape;346;g1332e3d512a_0_0:notes"/>
          <p:cNvSpPr txBox="1">
            <a:spLocks noGrp="1"/>
          </p:cNvSpPr>
          <p:nvPr>
            <p:ph type="body" idx="1"/>
          </p:nvPr>
        </p:nvSpPr>
        <p:spPr>
          <a:xfrm>
            <a:off x="731520" y="4560570"/>
            <a:ext cx="5852160" cy="4320540"/>
          </a:xfrm>
          <a:prstGeom prst="rect">
            <a:avLst/>
          </a:prstGeom>
        </p:spPr>
        <p:txBody>
          <a:bodyPr spcFirstLastPara="1" wrap="square" lIns="96645" tIns="96645" rIns="96645" bIns="96645" anchor="t" anchorCtr="0">
            <a:noAutofit/>
          </a:bodyPr>
          <a:lstStyle/>
          <a:p>
            <a:pPr marL="0" indent="0">
              <a:buNone/>
            </a:pPr>
            <a:endParaRPr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9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9" name="Google Shape;699;p24:notes"/>
          <p:cNvSpPr>
            <a:spLocks noGrp="1" noRot="1" noChangeAspect="1"/>
          </p:cNvSpPr>
          <p:nvPr>
            <p:ph type="sldImg" idx="2"/>
          </p:nvPr>
        </p:nvSpPr>
        <p:spPr>
          <a:xfrm>
            <a:off x="457200" y="720725"/>
            <a:ext cx="6400800" cy="360045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700" name="Google Shape;700;p24:notes"/>
          <p:cNvSpPr txBox="1">
            <a:spLocks noGrp="1"/>
          </p:cNvSpPr>
          <p:nvPr>
            <p:ph type="body" idx="1"/>
          </p:nvPr>
        </p:nvSpPr>
        <p:spPr>
          <a:xfrm>
            <a:off x="731520" y="4560570"/>
            <a:ext cx="5852160" cy="432054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6645" tIns="96645" rIns="96645" bIns="96645" anchor="t" anchorCtr="0">
            <a:noAutofit/>
          </a:bodyPr>
          <a:lstStyle/>
          <a:p>
            <a:pPr marL="0" indent="0">
              <a:buNone/>
            </a:pPr>
            <a:endParaRPr/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 lIns="96661" tIns="48331" rIns="96661" bIns="48331"/>
          <a:lstStyle/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 lIns="96661" tIns="48331" rIns="96661" bIns="48331"/>
          <a:lstStyle/>
          <a:p>
            <a:r>
              <a:rPr lang="en-US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 lIns="96661" tIns="48331" rIns="96661" bIns="48331"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 lIns="96661" tIns="48331" rIns="96661" bIns="48331"/>
          <a:lstStyle/>
          <a:p>
            <a:fld id="{F949BC75-2359-4F98-918A-7033C92AD487}" type="slidenum">
              <a:rPr lang="en-US" smtClean="0"/>
              <a:pPr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324113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 defTabSz="966612">
              <a:buClrTx/>
              <a:buSzTx/>
              <a:buNone/>
              <a:defRPr/>
            </a:pPr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 lIns="96661" tIns="48331" rIns="96661" bIns="48331"/>
          <a:lstStyle/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 lIns="96661" tIns="48331" rIns="96661" bIns="48331"/>
          <a:lstStyle/>
          <a:p>
            <a:r>
              <a:rPr lang="en-US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 lIns="96661" tIns="48331" rIns="96661" bIns="48331"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 lIns="96661" tIns="48331" rIns="96661" bIns="48331"/>
          <a:lstStyle/>
          <a:p>
            <a:fld id="{F949BC75-2359-4F98-918A-7033C92AD487}" type="slidenum">
              <a:rPr lang="en-US" smtClean="0"/>
              <a:pPr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009103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 lIns="96661" tIns="48331" rIns="96661" bIns="48331"/>
          <a:lstStyle/>
          <a:p>
            <a:fld id="{04373438-DAE9-4638-B08D-10B4149DF624}" type="slidenum">
              <a:rPr lang="en-150" smtClean="0"/>
              <a:t>19</a:t>
            </a:fld>
            <a:endParaRPr lang="en-150"/>
          </a:p>
        </p:txBody>
      </p:sp>
    </p:spTree>
    <p:extLst>
      <p:ext uri="{BB962C8B-B14F-4D97-AF65-F5344CB8AC3E}">
        <p14:creationId xmlns:p14="http://schemas.microsoft.com/office/powerpoint/2010/main" val="27639983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 lIns="96661" tIns="48331" rIns="96661" bIns="48331"/>
          <a:lstStyle/>
          <a:p>
            <a:fld id="{04373438-DAE9-4638-B08D-10B4149DF624}" type="slidenum">
              <a:rPr lang="en-DE" smtClean="0"/>
              <a:t>4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1967644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 defTabSz="966612">
              <a:buClrTx/>
              <a:buSzTx/>
              <a:buFont typeface="Arial" panose="020B0604020202020204" pitchFamily="34" charset="0"/>
              <a:buNone/>
              <a:defRPr/>
            </a:pPr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 lIns="96661" tIns="48331" rIns="96661" bIns="48331"/>
          <a:lstStyle/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 lIns="96661" tIns="48331" rIns="96661" bIns="48331"/>
          <a:lstStyle/>
          <a:p>
            <a:r>
              <a:rPr lang="en-US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 lIns="96661" tIns="48331" rIns="96661" bIns="48331"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 lIns="96661" tIns="48331" rIns="96661" bIns="48331"/>
          <a:lstStyle/>
          <a:p>
            <a:fld id="{F949BC75-2359-4F98-918A-7033C92AD487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676959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 lIns="96661" tIns="48331" rIns="96661" bIns="48331"/>
          <a:lstStyle/>
          <a:p>
            <a:fld id="{04373438-DAE9-4638-B08D-10B4149DF624}" type="slidenum">
              <a:rPr lang="en-DE" smtClean="0"/>
              <a:t>6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51026981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5875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 lIns="96661" tIns="48331" rIns="96661" bIns="48331"/>
          <a:lstStyle/>
          <a:p>
            <a:fld id="{04373438-DAE9-4638-B08D-10B4149DF624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030361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 lIns="96661" tIns="48331" rIns="96661" bIns="48331"/>
          <a:lstStyle/>
          <a:p>
            <a:fld id="{04373438-DAE9-4638-B08D-10B4149DF624}" type="slidenum">
              <a:rPr lang="en-DE" smtClean="0"/>
              <a:t>9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63375064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58750" indent="0">
              <a:buNone/>
            </a:pPr>
            <a:endParaRPr lang="en-DE" dirty="0"/>
          </a:p>
        </p:txBody>
      </p:sp>
    </p:spTree>
    <p:extLst>
      <p:ext uri="{BB962C8B-B14F-4D97-AF65-F5344CB8AC3E}">
        <p14:creationId xmlns:p14="http://schemas.microsoft.com/office/powerpoint/2010/main" val="124767639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95523918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 lIns="96661" tIns="48331" rIns="96661" bIns="48331"/>
          <a:lstStyle/>
          <a:p>
            <a:fld id="{04373438-DAE9-4638-B08D-10B4149DF624}" type="slidenum">
              <a:rPr lang="en-DE" smtClean="0"/>
              <a:t>13</a:t>
            </a:fld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2612672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bg>
      <p:bgPr>
        <a:solidFill>
          <a:schemeClr val="accent3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oogle Shape;10;p26"/>
          <p:cNvGrpSpPr/>
          <p:nvPr/>
        </p:nvGrpSpPr>
        <p:grpSpPr>
          <a:xfrm>
            <a:off x="7343003" y="3409675"/>
            <a:ext cx="1691422" cy="1732548"/>
            <a:chOff x="7343003" y="3409675"/>
            <a:chExt cx="1691422" cy="1732548"/>
          </a:xfrm>
        </p:grpSpPr>
        <p:grpSp>
          <p:nvGrpSpPr>
            <p:cNvPr id="11" name="Google Shape;11;p26"/>
            <p:cNvGrpSpPr/>
            <p:nvPr/>
          </p:nvGrpSpPr>
          <p:grpSpPr>
            <a:xfrm>
              <a:off x="7343003" y="4453711"/>
              <a:ext cx="316800" cy="688512"/>
              <a:chOff x="7343003" y="4453711"/>
              <a:chExt cx="316800" cy="688512"/>
            </a:xfrm>
          </p:grpSpPr>
          <p:sp>
            <p:nvSpPr>
              <p:cNvPr id="12" name="Google Shape;12;p26"/>
              <p:cNvSpPr/>
              <p:nvPr/>
            </p:nvSpPr>
            <p:spPr>
              <a:xfrm>
                <a:off x="7343003" y="4453711"/>
                <a:ext cx="316800" cy="688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" name="Google Shape;13;p26"/>
              <p:cNvSpPr/>
              <p:nvPr/>
            </p:nvSpPr>
            <p:spPr>
              <a:xfrm>
                <a:off x="7343003" y="4801723"/>
                <a:ext cx="316800" cy="340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4" name="Google Shape;14;p26"/>
            <p:cNvGrpSpPr/>
            <p:nvPr/>
          </p:nvGrpSpPr>
          <p:grpSpPr>
            <a:xfrm>
              <a:off x="7801210" y="4105700"/>
              <a:ext cx="316800" cy="1036523"/>
              <a:chOff x="7801210" y="4105700"/>
              <a:chExt cx="316800" cy="1036523"/>
            </a:xfrm>
          </p:grpSpPr>
          <p:sp>
            <p:nvSpPr>
              <p:cNvPr id="15" name="Google Shape;15;p26"/>
              <p:cNvSpPr/>
              <p:nvPr/>
            </p:nvSpPr>
            <p:spPr>
              <a:xfrm>
                <a:off x="7801210" y="4453711"/>
                <a:ext cx="316800" cy="688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6" name="Google Shape;16;p26"/>
              <p:cNvSpPr/>
              <p:nvPr/>
            </p:nvSpPr>
            <p:spPr>
              <a:xfrm>
                <a:off x="7801210" y="4105700"/>
                <a:ext cx="316800" cy="1036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7" name="Google Shape;17;p26"/>
              <p:cNvSpPr/>
              <p:nvPr/>
            </p:nvSpPr>
            <p:spPr>
              <a:xfrm>
                <a:off x="7801210" y="4801723"/>
                <a:ext cx="316800" cy="340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8" name="Google Shape;18;p26"/>
            <p:cNvGrpSpPr/>
            <p:nvPr/>
          </p:nvGrpSpPr>
          <p:grpSpPr>
            <a:xfrm>
              <a:off x="8259418" y="3757688"/>
              <a:ext cx="316800" cy="1384535"/>
              <a:chOff x="8259418" y="3757688"/>
              <a:chExt cx="316800" cy="1384535"/>
            </a:xfrm>
          </p:grpSpPr>
          <p:sp>
            <p:nvSpPr>
              <p:cNvPr id="19" name="Google Shape;19;p26"/>
              <p:cNvSpPr/>
              <p:nvPr/>
            </p:nvSpPr>
            <p:spPr>
              <a:xfrm>
                <a:off x="8259418" y="4453711"/>
                <a:ext cx="316800" cy="688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0" name="Google Shape;20;p26"/>
              <p:cNvSpPr/>
              <p:nvPr/>
            </p:nvSpPr>
            <p:spPr>
              <a:xfrm>
                <a:off x="8259418" y="3757688"/>
                <a:ext cx="316800" cy="1384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1" name="Google Shape;21;p26"/>
              <p:cNvSpPr/>
              <p:nvPr/>
            </p:nvSpPr>
            <p:spPr>
              <a:xfrm>
                <a:off x="8259418" y="4105700"/>
                <a:ext cx="316800" cy="1036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2" name="Google Shape;22;p26"/>
              <p:cNvSpPr/>
              <p:nvPr/>
            </p:nvSpPr>
            <p:spPr>
              <a:xfrm>
                <a:off x="8259418" y="4801723"/>
                <a:ext cx="316800" cy="340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23" name="Google Shape;23;p26"/>
            <p:cNvGrpSpPr/>
            <p:nvPr/>
          </p:nvGrpSpPr>
          <p:grpSpPr>
            <a:xfrm>
              <a:off x="8717625" y="3409675"/>
              <a:ext cx="316800" cy="1732548"/>
              <a:chOff x="8717625" y="3409675"/>
              <a:chExt cx="316800" cy="1732548"/>
            </a:xfrm>
          </p:grpSpPr>
          <p:sp>
            <p:nvSpPr>
              <p:cNvPr id="24" name="Google Shape;24;p26"/>
              <p:cNvSpPr/>
              <p:nvPr/>
            </p:nvSpPr>
            <p:spPr>
              <a:xfrm>
                <a:off x="8717625" y="4453711"/>
                <a:ext cx="316800" cy="688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5" name="Google Shape;25;p26"/>
              <p:cNvSpPr/>
              <p:nvPr/>
            </p:nvSpPr>
            <p:spPr>
              <a:xfrm>
                <a:off x="8717625" y="3757688"/>
                <a:ext cx="316800" cy="1384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6" name="Google Shape;26;p26"/>
              <p:cNvSpPr/>
              <p:nvPr/>
            </p:nvSpPr>
            <p:spPr>
              <a:xfrm>
                <a:off x="8717625" y="4105700"/>
                <a:ext cx="316800" cy="1036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7" name="Google Shape;27;p26"/>
              <p:cNvSpPr/>
              <p:nvPr/>
            </p:nvSpPr>
            <p:spPr>
              <a:xfrm>
                <a:off x="8717625" y="3409675"/>
                <a:ext cx="316800" cy="1732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8" name="Google Shape;28;p26"/>
              <p:cNvSpPr/>
              <p:nvPr/>
            </p:nvSpPr>
            <p:spPr>
              <a:xfrm>
                <a:off x="8717625" y="4801723"/>
                <a:ext cx="316800" cy="340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  <p:grpSp>
        <p:nvGrpSpPr>
          <p:cNvPr id="29" name="Google Shape;29;p26"/>
          <p:cNvGrpSpPr/>
          <p:nvPr/>
        </p:nvGrpSpPr>
        <p:grpSpPr>
          <a:xfrm>
            <a:off x="5043503" y="0"/>
            <a:ext cx="3814072" cy="3839102"/>
            <a:chOff x="5043503" y="0"/>
            <a:chExt cx="3814072" cy="3839102"/>
          </a:xfrm>
        </p:grpSpPr>
        <p:sp>
          <p:nvSpPr>
            <p:cNvPr id="30" name="Google Shape;30;p26"/>
            <p:cNvSpPr/>
            <p:nvPr/>
          </p:nvSpPr>
          <p:spPr>
            <a:xfrm>
              <a:off x="8460975" y="1817775"/>
              <a:ext cx="396600" cy="396600"/>
            </a:xfrm>
            <a:prstGeom prst="ellipse">
              <a:avLst/>
            </a:prstGeom>
            <a:solidFill>
              <a:schemeClr val="lt1">
                <a:alpha val="8627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31" name="Google Shape;31;p26"/>
            <p:cNvSpPr/>
            <p:nvPr/>
          </p:nvSpPr>
          <p:spPr>
            <a:xfrm rot="-9830444">
              <a:off x="6469759" y="3480728"/>
              <a:ext cx="320148" cy="320148"/>
            </a:xfrm>
            <a:prstGeom prst="ellipse">
              <a:avLst/>
            </a:prstGeom>
            <a:solidFill>
              <a:schemeClr val="lt1">
                <a:alpha val="8627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grpSp>
          <p:nvGrpSpPr>
            <p:cNvPr id="32" name="Google Shape;32;p26"/>
            <p:cNvGrpSpPr/>
            <p:nvPr/>
          </p:nvGrpSpPr>
          <p:grpSpPr>
            <a:xfrm>
              <a:off x="7647812" y="2704283"/>
              <a:ext cx="635219" cy="635219"/>
              <a:chOff x="6725724" y="2701260"/>
              <a:chExt cx="1208101" cy="1208100"/>
            </a:xfrm>
          </p:grpSpPr>
          <p:sp>
            <p:nvSpPr>
              <p:cNvPr id="33" name="Google Shape;33;p26"/>
              <p:cNvSpPr/>
              <p:nvPr/>
            </p:nvSpPr>
            <p:spPr>
              <a:xfrm rot="5400000">
                <a:off x="6725725" y="2701260"/>
                <a:ext cx="1208100" cy="1208100"/>
              </a:xfrm>
              <a:prstGeom prst="ellipse">
                <a:avLst/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34" name="Google Shape;34;p26"/>
              <p:cNvSpPr/>
              <p:nvPr/>
            </p:nvSpPr>
            <p:spPr>
              <a:xfrm rot="5400000">
                <a:off x="6725724" y="2701260"/>
                <a:ext cx="1208100" cy="1208100"/>
              </a:xfrm>
              <a:prstGeom prst="pie">
                <a:avLst>
                  <a:gd name="adj1" fmla="val 8244818"/>
                  <a:gd name="adj2" fmla="val 16246175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35" name="Google Shape;35;p26"/>
              <p:cNvSpPr/>
              <p:nvPr/>
            </p:nvSpPr>
            <p:spPr>
              <a:xfrm rot="5400000">
                <a:off x="6954988" y="2930398"/>
                <a:ext cx="749700" cy="749700"/>
              </a:xfrm>
              <a:prstGeom prst="ellipse">
                <a:avLst/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sp>
          <p:nvSpPr>
            <p:cNvPr id="36" name="Google Shape;36;p26"/>
            <p:cNvSpPr/>
            <p:nvPr/>
          </p:nvSpPr>
          <p:spPr>
            <a:xfrm>
              <a:off x="8460975" y="1817775"/>
              <a:ext cx="396600" cy="396600"/>
            </a:xfrm>
            <a:prstGeom prst="pie">
              <a:avLst>
                <a:gd name="adj1" fmla="val 19376841"/>
                <a:gd name="adj2" fmla="val 16200000"/>
              </a:avLst>
            </a:prstGeom>
            <a:solidFill>
              <a:schemeClr val="lt1">
                <a:alpha val="8627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grpSp>
          <p:nvGrpSpPr>
            <p:cNvPr id="37" name="Google Shape;37;p26"/>
            <p:cNvGrpSpPr/>
            <p:nvPr/>
          </p:nvGrpSpPr>
          <p:grpSpPr>
            <a:xfrm>
              <a:off x="7952720" y="179238"/>
              <a:ext cx="873165" cy="873003"/>
              <a:chOff x="7754428" y="208725"/>
              <a:chExt cx="541800" cy="541800"/>
            </a:xfrm>
          </p:grpSpPr>
          <p:sp>
            <p:nvSpPr>
              <p:cNvPr id="38" name="Google Shape;38;p26"/>
              <p:cNvSpPr/>
              <p:nvPr/>
            </p:nvSpPr>
            <p:spPr>
              <a:xfrm rot="-8647347">
                <a:off x="7831319" y="285616"/>
                <a:ext cx="388018" cy="388018"/>
              </a:xfrm>
              <a:prstGeom prst="ellipse">
                <a:avLst/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39" name="Google Shape;39;p26"/>
              <p:cNvSpPr/>
              <p:nvPr/>
            </p:nvSpPr>
            <p:spPr>
              <a:xfrm rot="-8647347">
                <a:off x="7831319" y="285616"/>
                <a:ext cx="388018" cy="388018"/>
              </a:xfrm>
              <a:prstGeom prst="pie">
                <a:avLst>
                  <a:gd name="adj1" fmla="val 19376841"/>
                  <a:gd name="adj2" fmla="val 12313574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sp>
          <p:nvSpPr>
            <p:cNvPr id="40" name="Google Shape;40;p26"/>
            <p:cNvSpPr/>
            <p:nvPr/>
          </p:nvSpPr>
          <p:spPr>
            <a:xfrm>
              <a:off x="5399840" y="356365"/>
              <a:ext cx="2577000" cy="2577000"/>
            </a:xfrm>
            <a:prstGeom prst="ellipse">
              <a:avLst/>
            </a:prstGeom>
            <a:solidFill>
              <a:schemeClr val="lt1">
                <a:alpha val="8627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41" name="Google Shape;41;p26"/>
            <p:cNvSpPr/>
            <p:nvPr/>
          </p:nvSpPr>
          <p:spPr>
            <a:xfrm rot="2043858">
              <a:off x="5503813" y="460310"/>
              <a:ext cx="2369480" cy="2369480"/>
            </a:xfrm>
            <a:prstGeom prst="ellipse">
              <a:avLst/>
            </a:prstGeom>
            <a:solidFill>
              <a:schemeClr val="lt1">
                <a:alpha val="8627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42" name="Google Shape;42;p26"/>
            <p:cNvSpPr/>
            <p:nvPr/>
          </p:nvSpPr>
          <p:spPr>
            <a:xfrm>
              <a:off x="5399795" y="360281"/>
              <a:ext cx="2577000" cy="2577000"/>
            </a:xfrm>
            <a:prstGeom prst="pie">
              <a:avLst>
                <a:gd name="adj1" fmla="val 8801158"/>
                <a:gd name="adj2" fmla="val 16200000"/>
              </a:avLst>
            </a:prstGeom>
            <a:solidFill>
              <a:schemeClr val="lt1">
                <a:alpha val="8627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43" name="Google Shape;43;p26"/>
            <p:cNvSpPr/>
            <p:nvPr/>
          </p:nvSpPr>
          <p:spPr>
            <a:xfrm rot="2044777">
              <a:off x="5911449" y="867729"/>
              <a:ext cx="1554223" cy="1554223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44" name="Google Shape;44;p26"/>
            <p:cNvSpPr/>
            <p:nvPr/>
          </p:nvSpPr>
          <p:spPr>
            <a:xfrm>
              <a:off x="5399795" y="356358"/>
              <a:ext cx="2577000" cy="2577000"/>
            </a:xfrm>
            <a:prstGeom prst="pie">
              <a:avLst>
                <a:gd name="adj1" fmla="val 12554101"/>
                <a:gd name="adj2" fmla="val 16200000"/>
              </a:avLst>
            </a:prstGeom>
            <a:solidFill>
              <a:schemeClr val="lt1">
                <a:alpha val="8627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45" name="Google Shape;45;p26"/>
            <p:cNvSpPr/>
            <p:nvPr/>
          </p:nvSpPr>
          <p:spPr>
            <a:xfrm rot="-9830444">
              <a:off x="6469759" y="3480727"/>
              <a:ext cx="320148" cy="320148"/>
            </a:xfrm>
            <a:prstGeom prst="pie">
              <a:avLst>
                <a:gd name="adj1" fmla="val 19376841"/>
                <a:gd name="adj2" fmla="val 16200000"/>
              </a:avLst>
            </a:prstGeom>
            <a:solidFill>
              <a:schemeClr val="lt1">
                <a:alpha val="8627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46" name="Google Shape;46;p26"/>
          <p:cNvSpPr txBox="1">
            <a:spLocks noGrp="1"/>
          </p:cNvSpPr>
          <p:nvPr>
            <p:ph type="ctrTitle"/>
          </p:nvPr>
        </p:nvSpPr>
        <p:spPr>
          <a:xfrm>
            <a:off x="824000" y="1613813"/>
            <a:ext cx="4255500" cy="1872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9pPr>
          </a:lstStyle>
          <a:p>
            <a:endParaRPr/>
          </a:p>
        </p:txBody>
      </p:sp>
      <p:sp>
        <p:nvSpPr>
          <p:cNvPr id="47" name="Google Shape;47;p26"/>
          <p:cNvSpPr txBox="1">
            <a:spLocks noGrp="1"/>
          </p:cNvSpPr>
          <p:nvPr>
            <p:ph type="subTitle" idx="1"/>
          </p:nvPr>
        </p:nvSpPr>
        <p:spPr>
          <a:xfrm>
            <a:off x="824000" y="3596300"/>
            <a:ext cx="4255500" cy="695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None/>
              <a:defRPr sz="1600">
                <a:solidFill>
                  <a:schemeClr val="lt1"/>
                </a:solidFill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None/>
              <a:defRPr sz="1600">
                <a:solidFill>
                  <a:schemeClr val="lt1"/>
                </a:solidFill>
              </a:defRPr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None/>
              <a:defRPr sz="1600">
                <a:solidFill>
                  <a:schemeClr val="lt1"/>
                </a:solidFill>
              </a:defRPr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None/>
              <a:defRPr sz="1600">
                <a:solidFill>
                  <a:schemeClr val="lt1"/>
                </a:solidFill>
              </a:defRPr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None/>
              <a:defRPr sz="1600">
                <a:solidFill>
                  <a:schemeClr val="lt1"/>
                </a:solidFill>
              </a:defRPr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None/>
              <a:defRPr sz="1600">
                <a:solidFill>
                  <a:schemeClr val="lt1"/>
                </a:solidFill>
              </a:defRPr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None/>
              <a:defRPr sz="1600">
                <a:solidFill>
                  <a:schemeClr val="lt1"/>
                </a:solidFill>
              </a:defRPr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None/>
              <a:defRPr sz="1600">
                <a:solidFill>
                  <a:schemeClr val="lt1"/>
                </a:solidFill>
              </a:defRPr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None/>
              <a:defRPr sz="1600">
                <a:solidFill>
                  <a:schemeClr val="lt1"/>
                </a:solidFill>
              </a:defRPr>
            </a:lvl9pPr>
          </a:lstStyle>
          <a:p>
            <a:endParaRPr/>
          </a:p>
        </p:txBody>
      </p:sp>
      <p:sp>
        <p:nvSpPr>
          <p:cNvPr id="48" name="Google Shape;48;p26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two columns" type="twoColTx">
  <p:cSld name="TITLE_AND_TWO_COLUMNS">
    <p:spTree>
      <p:nvGrpSpPr>
        <p:cNvPr id="1" name="Shape 2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43" name="Google Shape;243;p35"/>
          <p:cNvGrpSpPr/>
          <p:nvPr/>
        </p:nvGrpSpPr>
        <p:grpSpPr>
          <a:xfrm>
            <a:off x="625966" y="299376"/>
            <a:ext cx="999312" cy="999312"/>
            <a:chOff x="348199" y="179450"/>
            <a:chExt cx="1116300" cy="1116300"/>
          </a:xfrm>
        </p:grpSpPr>
        <p:sp>
          <p:nvSpPr>
            <p:cNvPr id="244" name="Google Shape;244;p35"/>
            <p:cNvSpPr/>
            <p:nvPr/>
          </p:nvSpPr>
          <p:spPr>
            <a:xfrm rot="-5400000">
              <a:off x="574557" y="405788"/>
              <a:ext cx="663600" cy="6636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45" name="Google Shape;245;p35"/>
            <p:cNvSpPr/>
            <p:nvPr/>
          </p:nvSpPr>
          <p:spPr>
            <a:xfrm rot="-5400000">
              <a:off x="348199" y="179450"/>
              <a:ext cx="1116300" cy="11163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246" name="Google Shape;246;p35"/>
          <p:cNvSpPr txBox="1">
            <a:spLocks noGrp="1"/>
          </p:cNvSpPr>
          <p:nvPr>
            <p:ph type="title"/>
          </p:nvPr>
        </p:nvSpPr>
        <p:spPr>
          <a:xfrm>
            <a:off x="1303800" y="598575"/>
            <a:ext cx="7030500" cy="999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247" name="Google Shape;247;p35"/>
          <p:cNvSpPr txBox="1">
            <a:spLocks noGrp="1"/>
          </p:cNvSpPr>
          <p:nvPr>
            <p:ph type="body" idx="1"/>
          </p:nvPr>
        </p:nvSpPr>
        <p:spPr>
          <a:xfrm>
            <a:off x="1303800" y="1990050"/>
            <a:ext cx="3430500" cy="254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3111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Char char="●"/>
              <a:defRPr/>
            </a:lvl1pPr>
            <a:lvl2pPr marL="914400" lvl="1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2pPr>
            <a:lvl3pPr marL="1371600" lvl="2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3pPr>
            <a:lvl4pPr marL="1828800" lvl="3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4pPr>
            <a:lvl5pPr marL="2286000" lvl="4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5pPr>
            <a:lvl6pPr marL="2743200" lvl="5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6pPr>
            <a:lvl7pPr marL="3200400" lvl="6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7pPr>
            <a:lvl8pPr marL="3657600" lvl="7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8pPr>
            <a:lvl9pPr marL="4114800" lvl="8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9pPr>
          </a:lstStyle>
          <a:p>
            <a:endParaRPr/>
          </a:p>
        </p:txBody>
      </p:sp>
      <p:sp>
        <p:nvSpPr>
          <p:cNvPr id="248" name="Google Shape;248;p35"/>
          <p:cNvSpPr txBox="1">
            <a:spLocks noGrp="1"/>
          </p:cNvSpPr>
          <p:nvPr>
            <p:ph type="body" idx="2"/>
          </p:nvPr>
        </p:nvSpPr>
        <p:spPr>
          <a:xfrm>
            <a:off x="4903650" y="1990050"/>
            <a:ext cx="3430500" cy="2541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3111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Char char="●"/>
              <a:defRPr/>
            </a:lvl1pPr>
            <a:lvl2pPr marL="914400" lvl="1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2pPr>
            <a:lvl3pPr marL="1371600" lvl="2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3pPr>
            <a:lvl4pPr marL="1828800" lvl="3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4pPr>
            <a:lvl5pPr marL="2286000" lvl="4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5pPr>
            <a:lvl6pPr marL="2743200" lvl="5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6pPr>
            <a:lvl7pPr marL="3200400" lvl="6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7pPr>
            <a:lvl8pPr marL="3657600" lvl="7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8pPr>
            <a:lvl9pPr marL="4114800" lvl="8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9pPr>
          </a:lstStyle>
          <a:p>
            <a:endParaRPr/>
          </a:p>
        </p:txBody>
      </p:sp>
      <p:sp>
        <p:nvSpPr>
          <p:cNvPr id="249" name="Google Shape;249;p35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One column text">
  <p:cSld name="ONE_COLUMN_TEXT">
    <p:spTree>
      <p:nvGrpSpPr>
        <p:cNvPr id="1" name="Shape 2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1" name="Google Shape;251;p36"/>
          <p:cNvGrpSpPr/>
          <p:nvPr/>
        </p:nvGrpSpPr>
        <p:grpSpPr>
          <a:xfrm>
            <a:off x="625966" y="299376"/>
            <a:ext cx="999312" cy="999312"/>
            <a:chOff x="348199" y="179450"/>
            <a:chExt cx="1116300" cy="1116300"/>
          </a:xfrm>
        </p:grpSpPr>
        <p:sp>
          <p:nvSpPr>
            <p:cNvPr id="252" name="Google Shape;252;p36"/>
            <p:cNvSpPr/>
            <p:nvPr/>
          </p:nvSpPr>
          <p:spPr>
            <a:xfrm rot="-5400000">
              <a:off x="574557" y="405788"/>
              <a:ext cx="663600" cy="6636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53" name="Google Shape;253;p36"/>
            <p:cNvSpPr/>
            <p:nvPr/>
          </p:nvSpPr>
          <p:spPr>
            <a:xfrm rot="-5400000">
              <a:off x="348199" y="179450"/>
              <a:ext cx="1116300" cy="11163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254" name="Google Shape;254;p36"/>
          <p:cNvSpPr txBox="1">
            <a:spLocks noGrp="1"/>
          </p:cNvSpPr>
          <p:nvPr>
            <p:ph type="title"/>
          </p:nvPr>
        </p:nvSpPr>
        <p:spPr>
          <a:xfrm>
            <a:off x="1303800" y="598575"/>
            <a:ext cx="3312000" cy="1590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255" name="Google Shape;255;p36"/>
          <p:cNvSpPr txBox="1">
            <a:spLocks noGrp="1"/>
          </p:cNvSpPr>
          <p:nvPr>
            <p:ph type="body" idx="1"/>
          </p:nvPr>
        </p:nvSpPr>
        <p:spPr>
          <a:xfrm>
            <a:off x="1303800" y="2309675"/>
            <a:ext cx="3312000" cy="2221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3111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Char char="●"/>
              <a:defRPr/>
            </a:lvl1pPr>
            <a:lvl2pPr marL="914400" lvl="1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2pPr>
            <a:lvl3pPr marL="1371600" lvl="2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3pPr>
            <a:lvl4pPr marL="1828800" lvl="3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4pPr>
            <a:lvl5pPr marL="2286000" lvl="4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5pPr>
            <a:lvl6pPr marL="2743200" lvl="5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6pPr>
            <a:lvl7pPr marL="3200400" lvl="6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7pPr>
            <a:lvl8pPr marL="3657600" lvl="7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8pPr>
            <a:lvl9pPr marL="4114800" lvl="8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9pPr>
          </a:lstStyle>
          <a:p>
            <a:endParaRPr/>
          </a:p>
        </p:txBody>
      </p:sp>
      <p:sp>
        <p:nvSpPr>
          <p:cNvPr id="256" name="Google Shape;256;p36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Main point">
  <p:cSld name="MAIN_POINT">
    <p:bg>
      <p:bgPr>
        <a:solidFill>
          <a:schemeClr val="dk1"/>
        </a:solidFill>
        <a:effectLst/>
      </p:bgPr>
    </p:bg>
    <p:spTree>
      <p:nvGrpSpPr>
        <p:cNvPr id="1" name="Shape 2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8" name="Google Shape;258;p37"/>
          <p:cNvGrpSpPr/>
          <p:nvPr/>
        </p:nvGrpSpPr>
        <p:grpSpPr>
          <a:xfrm>
            <a:off x="6866714" y="1255"/>
            <a:ext cx="2267380" cy="2601741"/>
            <a:chOff x="6790514" y="1255"/>
            <a:chExt cx="2267380" cy="2601741"/>
          </a:xfrm>
        </p:grpSpPr>
        <p:grpSp>
          <p:nvGrpSpPr>
            <p:cNvPr id="259" name="Google Shape;259;p37"/>
            <p:cNvGrpSpPr/>
            <p:nvPr/>
          </p:nvGrpSpPr>
          <p:grpSpPr>
            <a:xfrm>
              <a:off x="7067536" y="1255"/>
              <a:ext cx="1990358" cy="1990303"/>
              <a:chOff x="7067536" y="1255"/>
              <a:chExt cx="1990358" cy="1990303"/>
            </a:xfrm>
          </p:grpSpPr>
          <p:sp>
            <p:nvSpPr>
              <p:cNvPr id="260" name="Google Shape;260;p37"/>
              <p:cNvSpPr/>
              <p:nvPr/>
            </p:nvSpPr>
            <p:spPr>
              <a:xfrm rot="-8648551">
                <a:off x="7594313" y="527721"/>
                <a:ext cx="937226" cy="937226"/>
              </a:xfrm>
              <a:prstGeom prst="ellipse">
                <a:avLst/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61" name="Google Shape;261;p37"/>
              <p:cNvSpPr/>
              <p:nvPr/>
            </p:nvSpPr>
            <p:spPr>
              <a:xfrm rot="-8648551">
                <a:off x="7594313" y="527721"/>
                <a:ext cx="937226" cy="937226"/>
              </a:xfrm>
              <a:prstGeom prst="pie">
                <a:avLst>
                  <a:gd name="adj1" fmla="val 19376841"/>
                  <a:gd name="adj2" fmla="val 12313574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62" name="Google Shape;262;p37"/>
              <p:cNvSpPr/>
              <p:nvPr/>
            </p:nvSpPr>
            <p:spPr>
              <a:xfrm rot="-8649154">
                <a:off x="7349891" y="283705"/>
                <a:ext cx="1425647" cy="1425404"/>
              </a:xfrm>
              <a:prstGeom prst="ellipse">
                <a:avLst/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263" name="Google Shape;263;p37"/>
            <p:cNvGrpSpPr/>
            <p:nvPr/>
          </p:nvGrpSpPr>
          <p:grpSpPr>
            <a:xfrm>
              <a:off x="8207126" y="1807997"/>
              <a:ext cx="795000" cy="795000"/>
              <a:chOff x="8207126" y="1807997"/>
              <a:chExt cx="795000" cy="795000"/>
            </a:xfrm>
          </p:grpSpPr>
          <p:sp>
            <p:nvSpPr>
              <p:cNvPr id="264" name="Google Shape;264;p37"/>
              <p:cNvSpPr/>
              <p:nvPr/>
            </p:nvSpPr>
            <p:spPr>
              <a:xfrm rot="2152054">
                <a:off x="8319942" y="1920813"/>
                <a:ext cx="569367" cy="569367"/>
              </a:xfrm>
              <a:prstGeom prst="ellipse">
                <a:avLst/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65" name="Google Shape;265;p37"/>
              <p:cNvSpPr/>
              <p:nvPr/>
            </p:nvSpPr>
            <p:spPr>
              <a:xfrm rot="2150259">
                <a:off x="8408218" y="2008610"/>
                <a:ext cx="393004" cy="393004"/>
              </a:xfrm>
              <a:prstGeom prst="ellipse">
                <a:avLst/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66" name="Google Shape;266;p37"/>
              <p:cNvSpPr/>
              <p:nvPr/>
            </p:nvSpPr>
            <p:spPr>
              <a:xfrm rot="2150259">
                <a:off x="8408218" y="2008610"/>
                <a:ext cx="393004" cy="393004"/>
              </a:xfrm>
              <a:prstGeom prst="pie">
                <a:avLst>
                  <a:gd name="adj1" fmla="val 5699893"/>
                  <a:gd name="adj2" fmla="val 12313574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267" name="Google Shape;267;p37"/>
            <p:cNvGrpSpPr/>
            <p:nvPr/>
          </p:nvGrpSpPr>
          <p:grpSpPr>
            <a:xfrm>
              <a:off x="6790514" y="118857"/>
              <a:ext cx="548700" cy="548700"/>
              <a:chOff x="6790514" y="118857"/>
              <a:chExt cx="548700" cy="548700"/>
            </a:xfrm>
          </p:grpSpPr>
          <p:sp>
            <p:nvSpPr>
              <p:cNvPr id="268" name="Google Shape;268;p37"/>
              <p:cNvSpPr/>
              <p:nvPr/>
            </p:nvSpPr>
            <p:spPr>
              <a:xfrm rot="2150259">
                <a:off x="6868362" y="196705"/>
                <a:ext cx="393004" cy="393004"/>
              </a:xfrm>
              <a:prstGeom prst="ellipse">
                <a:avLst/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69" name="Google Shape;269;p37"/>
              <p:cNvSpPr/>
              <p:nvPr/>
            </p:nvSpPr>
            <p:spPr>
              <a:xfrm rot="2150259">
                <a:off x="6868362" y="196705"/>
                <a:ext cx="393004" cy="393004"/>
              </a:xfrm>
              <a:prstGeom prst="pie">
                <a:avLst>
                  <a:gd name="adj1" fmla="val 5699893"/>
                  <a:gd name="adj2" fmla="val 12313574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  <p:sp>
        <p:nvSpPr>
          <p:cNvPr id="270" name="Google Shape;270;p37"/>
          <p:cNvSpPr txBox="1">
            <a:spLocks noGrp="1"/>
          </p:cNvSpPr>
          <p:nvPr>
            <p:ph type="title"/>
          </p:nvPr>
        </p:nvSpPr>
        <p:spPr>
          <a:xfrm>
            <a:off x="824000" y="763600"/>
            <a:ext cx="5857800" cy="3573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9pPr>
          </a:lstStyle>
          <a:p>
            <a:endParaRPr/>
          </a:p>
        </p:txBody>
      </p:sp>
      <p:sp>
        <p:nvSpPr>
          <p:cNvPr id="271" name="Google Shape;271;p37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title and description">
  <p:cSld name="SECTION_TITLE_AND_DESCRIPTION">
    <p:spTree>
      <p:nvGrpSpPr>
        <p:cNvPr id="1" name="Shape 27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73" name="Google Shape;273;p38"/>
          <p:cNvGrpSpPr/>
          <p:nvPr/>
        </p:nvGrpSpPr>
        <p:grpSpPr>
          <a:xfrm>
            <a:off x="625966" y="299376"/>
            <a:ext cx="999312" cy="999312"/>
            <a:chOff x="348199" y="179450"/>
            <a:chExt cx="1116300" cy="1116300"/>
          </a:xfrm>
        </p:grpSpPr>
        <p:sp>
          <p:nvSpPr>
            <p:cNvPr id="274" name="Google Shape;274;p38"/>
            <p:cNvSpPr/>
            <p:nvPr/>
          </p:nvSpPr>
          <p:spPr>
            <a:xfrm rot="-5400000">
              <a:off x="574557" y="405788"/>
              <a:ext cx="663600" cy="6636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75" name="Google Shape;275;p38"/>
            <p:cNvSpPr/>
            <p:nvPr/>
          </p:nvSpPr>
          <p:spPr>
            <a:xfrm rot="-5400000">
              <a:off x="348199" y="179450"/>
              <a:ext cx="1116300" cy="11163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276" name="Google Shape;276;p38"/>
          <p:cNvSpPr txBox="1">
            <a:spLocks noGrp="1"/>
          </p:cNvSpPr>
          <p:nvPr>
            <p:ph type="title"/>
          </p:nvPr>
        </p:nvSpPr>
        <p:spPr>
          <a:xfrm>
            <a:off x="1303800" y="598575"/>
            <a:ext cx="3430500" cy="1990200"/>
          </a:xfrm>
          <a:prstGeom prst="rect">
            <a:avLst/>
          </a:prstGeom>
          <a:noFill/>
          <a:ln w="9525" cap="flat" cmpd="sng">
            <a:solidFill>
              <a:schemeClr val="l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277" name="Google Shape;277;p38"/>
          <p:cNvSpPr txBox="1">
            <a:spLocks noGrp="1"/>
          </p:cNvSpPr>
          <p:nvPr>
            <p:ph type="subTitle" idx="1"/>
          </p:nvPr>
        </p:nvSpPr>
        <p:spPr>
          <a:xfrm>
            <a:off x="1303800" y="2743203"/>
            <a:ext cx="3430500" cy="726000"/>
          </a:xfrm>
          <a:prstGeom prst="rect">
            <a:avLst/>
          </a:prstGeom>
          <a:noFill/>
          <a:ln w="9525" cap="flat" cmpd="sng">
            <a:solidFill>
              <a:schemeClr val="l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600"/>
              <a:buNone/>
              <a:defRPr sz="1600"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600"/>
              <a:buNone/>
              <a:defRPr sz="1600"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600"/>
              <a:buNone/>
              <a:defRPr sz="1600"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600"/>
              <a:buNone/>
              <a:defRPr sz="1600"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600"/>
              <a:buNone/>
              <a:defRPr sz="1600"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600"/>
              <a:buNone/>
              <a:defRPr sz="1600"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600"/>
              <a:buNone/>
              <a:defRPr sz="1600"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600"/>
              <a:buNone/>
              <a:defRPr sz="1600"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600"/>
              <a:buNone/>
              <a:defRPr sz="1600"/>
            </a:lvl9pPr>
          </a:lstStyle>
          <a:p>
            <a:endParaRPr/>
          </a:p>
        </p:txBody>
      </p:sp>
      <p:sp>
        <p:nvSpPr>
          <p:cNvPr id="278" name="Google Shape;278;p38"/>
          <p:cNvSpPr txBox="1">
            <a:spLocks noGrp="1"/>
          </p:cNvSpPr>
          <p:nvPr>
            <p:ph type="body" idx="2"/>
          </p:nvPr>
        </p:nvSpPr>
        <p:spPr>
          <a:xfrm>
            <a:off x="4903700" y="661000"/>
            <a:ext cx="3430500" cy="3870600"/>
          </a:xfrm>
          <a:prstGeom prst="rect">
            <a:avLst/>
          </a:prstGeom>
          <a:noFill/>
          <a:ln w="9525" cap="flat" cmpd="sng">
            <a:solidFill>
              <a:schemeClr val="l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3111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Char char="●"/>
              <a:defRPr/>
            </a:lvl1pPr>
            <a:lvl2pPr marL="914400" lvl="1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2pPr>
            <a:lvl3pPr marL="1371600" lvl="2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3pPr>
            <a:lvl4pPr marL="1828800" lvl="3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4pPr>
            <a:lvl5pPr marL="2286000" lvl="4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5pPr>
            <a:lvl6pPr marL="2743200" lvl="5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6pPr>
            <a:lvl7pPr marL="3200400" lvl="6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7pPr>
            <a:lvl8pPr marL="3657600" lvl="7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8pPr>
            <a:lvl9pPr marL="4114800" lvl="8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9pPr>
          </a:lstStyle>
          <a:p>
            <a:endParaRPr/>
          </a:p>
        </p:txBody>
      </p:sp>
      <p:sp>
        <p:nvSpPr>
          <p:cNvPr id="279" name="Google Shape;279;p38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aption">
  <p:cSld name="CAPTION_ONLY">
    <p:spTree>
      <p:nvGrpSpPr>
        <p:cNvPr id="1" name="Shape 2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81" name="Google Shape;281;p39"/>
          <p:cNvGrpSpPr/>
          <p:nvPr/>
        </p:nvGrpSpPr>
        <p:grpSpPr>
          <a:xfrm>
            <a:off x="713373" y="3847119"/>
            <a:ext cx="825392" cy="825392"/>
            <a:chOff x="348199" y="179450"/>
            <a:chExt cx="1116300" cy="1116300"/>
          </a:xfrm>
        </p:grpSpPr>
        <p:sp>
          <p:nvSpPr>
            <p:cNvPr id="282" name="Google Shape;282;p39"/>
            <p:cNvSpPr/>
            <p:nvPr/>
          </p:nvSpPr>
          <p:spPr>
            <a:xfrm rot="-5400000">
              <a:off x="574557" y="405788"/>
              <a:ext cx="663600" cy="6636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83" name="Google Shape;283;p39"/>
            <p:cNvSpPr/>
            <p:nvPr/>
          </p:nvSpPr>
          <p:spPr>
            <a:xfrm rot="-5400000">
              <a:off x="348199" y="179450"/>
              <a:ext cx="1116300" cy="11163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284" name="Google Shape;284;p39"/>
          <p:cNvSpPr txBox="1">
            <a:spLocks noGrp="1"/>
          </p:cNvSpPr>
          <p:nvPr>
            <p:ph type="body" idx="1"/>
          </p:nvPr>
        </p:nvSpPr>
        <p:spPr>
          <a:xfrm>
            <a:off x="1303800" y="4138975"/>
            <a:ext cx="5843100" cy="534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300"/>
              <a:buNone/>
              <a:defRPr/>
            </a:lvl1pPr>
          </a:lstStyle>
          <a:p>
            <a:endParaRPr/>
          </a:p>
        </p:txBody>
      </p:sp>
      <p:sp>
        <p:nvSpPr>
          <p:cNvPr id="285" name="Google Shape;285;p39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nterior title">
  <p:cSld name="CUSTOM_4">
    <p:spTree>
      <p:nvGrpSpPr>
        <p:cNvPr id="1" name="Shape 2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7" name="Google Shape;287;p40"/>
          <p:cNvSpPr txBox="1">
            <a:spLocks noGrp="1"/>
          </p:cNvSpPr>
          <p:nvPr>
            <p:ph type="subTitle" idx="1"/>
          </p:nvPr>
        </p:nvSpPr>
        <p:spPr>
          <a:xfrm>
            <a:off x="335831" y="41580"/>
            <a:ext cx="3861600" cy="612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29175" tIns="68575" rIns="68575" bIns="68575" anchor="ctr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800"/>
              <a:buFont typeface="Red Hat Text Medium"/>
              <a:buNone/>
              <a:defRPr sz="800">
                <a:solidFill>
                  <a:schemeClr val="accent1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800"/>
              <a:buFont typeface="Red Hat Text Medium"/>
              <a:buNone/>
              <a:defRPr sz="800">
                <a:solidFill>
                  <a:schemeClr val="accent1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800"/>
              <a:buFont typeface="Red Hat Text Medium"/>
              <a:buNone/>
              <a:defRPr sz="800">
                <a:solidFill>
                  <a:schemeClr val="accent1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800"/>
              <a:buFont typeface="Red Hat Text Medium"/>
              <a:buNone/>
              <a:defRPr sz="800">
                <a:solidFill>
                  <a:schemeClr val="accent1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800"/>
              <a:buFont typeface="Red Hat Text Medium"/>
              <a:buNone/>
              <a:defRPr sz="800">
                <a:solidFill>
                  <a:schemeClr val="accent1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800"/>
              <a:buFont typeface="Red Hat Text Medium"/>
              <a:buNone/>
              <a:defRPr sz="800">
                <a:solidFill>
                  <a:schemeClr val="accent1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800"/>
              <a:buFont typeface="Red Hat Text Medium"/>
              <a:buNone/>
              <a:defRPr sz="800">
                <a:solidFill>
                  <a:schemeClr val="accent1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800"/>
              <a:buFont typeface="Red Hat Text Medium"/>
              <a:buNone/>
              <a:defRPr sz="800">
                <a:solidFill>
                  <a:schemeClr val="accent1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800"/>
              <a:buFont typeface="Red Hat Text Medium"/>
              <a:buNone/>
              <a:defRPr sz="800">
                <a:solidFill>
                  <a:schemeClr val="accent1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9pPr>
          </a:lstStyle>
          <a:p>
            <a:endParaRPr/>
          </a:p>
        </p:txBody>
      </p:sp>
      <p:sp>
        <p:nvSpPr>
          <p:cNvPr id="288" name="Google Shape;288;p40"/>
          <p:cNvSpPr txBox="1">
            <a:spLocks noGrp="1"/>
          </p:cNvSpPr>
          <p:nvPr>
            <p:ph type="title"/>
          </p:nvPr>
        </p:nvSpPr>
        <p:spPr>
          <a:xfrm>
            <a:off x="663788" y="653813"/>
            <a:ext cx="7816500" cy="414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ctr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000"/>
            </a:lvl1pPr>
            <a:lvl2pPr lvl="1" algn="ctr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000"/>
            </a:lvl2pPr>
            <a:lvl3pPr lvl="2" algn="ctr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000"/>
            </a:lvl3pPr>
            <a:lvl4pPr lvl="3" algn="ctr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000"/>
            </a:lvl4pPr>
            <a:lvl5pPr lvl="4" algn="ctr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000"/>
            </a:lvl5pPr>
            <a:lvl6pPr lvl="5" algn="ctr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000"/>
            </a:lvl6pPr>
            <a:lvl7pPr lvl="6" algn="ctr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000"/>
            </a:lvl7pPr>
            <a:lvl8pPr lvl="7" algn="ctr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000"/>
            </a:lvl8pPr>
            <a:lvl9pPr lvl="8" algn="ctr">
              <a:lnSpc>
                <a:spcPct val="13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000"/>
            </a:lvl9pPr>
          </a:lstStyle>
          <a:p>
            <a:endParaRPr/>
          </a:p>
        </p:txBody>
      </p:sp>
      <p:cxnSp>
        <p:nvCxnSpPr>
          <p:cNvPr id="289" name="Google Shape;289;p40"/>
          <p:cNvCxnSpPr/>
          <p:nvPr/>
        </p:nvCxnSpPr>
        <p:spPr>
          <a:xfrm rot="10800000">
            <a:off x="335831" y="150"/>
            <a:ext cx="0" cy="664800"/>
          </a:xfrm>
          <a:prstGeom prst="straightConnector1">
            <a:avLst/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</p:cxnSp>
      <p:cxnSp>
        <p:nvCxnSpPr>
          <p:cNvPr id="290" name="Google Shape;290;p40"/>
          <p:cNvCxnSpPr/>
          <p:nvPr/>
        </p:nvCxnSpPr>
        <p:spPr>
          <a:xfrm rot="10800000">
            <a:off x="335825" y="4801200"/>
            <a:ext cx="0" cy="342300"/>
          </a:xfrm>
          <a:prstGeom prst="straightConnector1">
            <a:avLst/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291" name="Google Shape;291;p40"/>
          <p:cNvSpPr txBox="1">
            <a:spLocks noGrp="1"/>
          </p:cNvSpPr>
          <p:nvPr>
            <p:ph type="sldNum" idx="12"/>
          </p:nvPr>
        </p:nvSpPr>
        <p:spPr>
          <a:xfrm>
            <a:off x="61481" y="4627167"/>
            <a:ext cx="548700" cy="92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spAutoFit/>
          </a:bodyPr>
          <a:lstStyle>
            <a:lvl1pPr marL="0" marR="0" lvl="0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600"/>
              <a:buFont typeface="Arial"/>
              <a:buNone/>
              <a:defRPr sz="600" b="0" i="0" u="none" strike="noStrike" cap="none">
                <a:solidFill>
                  <a:schemeClr val="dk2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1pPr>
            <a:lvl2pPr marL="0" marR="0" lvl="1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600"/>
              <a:buFont typeface="Arial"/>
              <a:buNone/>
              <a:defRPr sz="600" b="0" i="0" u="none" strike="noStrike" cap="none">
                <a:solidFill>
                  <a:schemeClr val="dk2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2pPr>
            <a:lvl3pPr marL="0" marR="0" lvl="2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600"/>
              <a:buFont typeface="Arial"/>
              <a:buNone/>
              <a:defRPr sz="600" b="0" i="0" u="none" strike="noStrike" cap="none">
                <a:solidFill>
                  <a:schemeClr val="dk2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3pPr>
            <a:lvl4pPr marL="0" marR="0" lvl="3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600"/>
              <a:buFont typeface="Arial"/>
              <a:buNone/>
              <a:defRPr sz="600" b="0" i="0" u="none" strike="noStrike" cap="none">
                <a:solidFill>
                  <a:schemeClr val="dk2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4pPr>
            <a:lvl5pPr marL="0" marR="0" lvl="4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600"/>
              <a:buFont typeface="Arial"/>
              <a:buNone/>
              <a:defRPr sz="600" b="0" i="0" u="none" strike="noStrike" cap="none">
                <a:solidFill>
                  <a:schemeClr val="dk2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5pPr>
            <a:lvl6pPr marL="0" marR="0" lvl="5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600"/>
              <a:buFont typeface="Arial"/>
              <a:buNone/>
              <a:defRPr sz="600" b="0" i="0" u="none" strike="noStrike" cap="none">
                <a:solidFill>
                  <a:schemeClr val="dk2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6pPr>
            <a:lvl7pPr marL="0" marR="0" lvl="6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600"/>
              <a:buFont typeface="Arial"/>
              <a:buNone/>
              <a:defRPr sz="600" b="0" i="0" u="none" strike="noStrike" cap="none">
                <a:solidFill>
                  <a:schemeClr val="dk2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7pPr>
            <a:lvl8pPr marL="0" marR="0" lvl="7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600"/>
              <a:buFont typeface="Arial"/>
              <a:buNone/>
              <a:defRPr sz="600" b="0" i="0" u="none" strike="noStrike" cap="none">
                <a:solidFill>
                  <a:schemeClr val="dk2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8pPr>
            <a:lvl9pPr marL="0" marR="0" lvl="8" indent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600"/>
              <a:buFont typeface="Arial"/>
              <a:buNone/>
              <a:defRPr sz="600" b="0" i="0" u="none" strike="noStrike" cap="none">
                <a:solidFill>
                  <a:schemeClr val="dk2"/>
                </a:solidFill>
                <a:latin typeface="Red Hat Text Medium"/>
                <a:ea typeface="Red Hat Text Medium"/>
                <a:cs typeface="Red Hat Text Medium"/>
                <a:sym typeface="Red Hat Text Medium"/>
              </a:defRPr>
            </a:lvl9pPr>
          </a:lstStyle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  <p:pic>
        <p:nvPicPr>
          <p:cNvPr id="292" name="Google Shape;292;p40"/>
          <p:cNvPicPr preferRelativeResize="0"/>
          <p:nvPr/>
        </p:nvPicPr>
        <p:blipFill rotWithShape="1">
          <a:blip r:embed="rId2">
            <a:alphaModFix/>
          </a:blip>
          <a:srcRect t="326" b="316"/>
          <a:stretch/>
        </p:blipFill>
        <p:spPr>
          <a:xfrm>
            <a:off x="8033460" y="4734938"/>
            <a:ext cx="731888" cy="171091"/>
          </a:xfrm>
          <a:prstGeom prst="rect">
            <a:avLst/>
          </a:prstGeom>
          <a:noFill/>
          <a:ln>
            <a:noFill/>
          </a:ln>
        </p:spPr>
      </p:pic>
      <p:sp>
        <p:nvSpPr>
          <p:cNvPr id="293" name="Google Shape;293;p40"/>
          <p:cNvSpPr txBox="1">
            <a:spLocks noGrp="1"/>
          </p:cNvSpPr>
          <p:nvPr>
            <p:ph type="subTitle" idx="2"/>
          </p:nvPr>
        </p:nvSpPr>
        <p:spPr>
          <a:xfrm>
            <a:off x="663844" y="1068713"/>
            <a:ext cx="7816500" cy="529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None/>
              <a:defRPr sz="1400">
                <a:solidFill>
                  <a:schemeClr val="accent1"/>
                </a:solidFill>
              </a:defRPr>
            </a:lvl1pPr>
            <a:lvl2pPr lvl="1" algn="ctr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SzPts val="1100"/>
              <a:buNone/>
              <a:defRPr sz="1400">
                <a:solidFill>
                  <a:schemeClr val="accent1"/>
                </a:solidFill>
              </a:defRPr>
            </a:lvl2pPr>
            <a:lvl3pPr lvl="2" algn="ctr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SzPts val="1100"/>
              <a:buNone/>
              <a:defRPr sz="1400">
                <a:solidFill>
                  <a:schemeClr val="accent1"/>
                </a:solidFill>
              </a:defRPr>
            </a:lvl3pPr>
            <a:lvl4pPr lvl="3" algn="ctr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SzPts val="1100"/>
              <a:buNone/>
              <a:defRPr sz="1400">
                <a:solidFill>
                  <a:schemeClr val="accent1"/>
                </a:solidFill>
              </a:defRPr>
            </a:lvl4pPr>
            <a:lvl5pPr lvl="4" algn="ctr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SzPts val="1100"/>
              <a:buNone/>
              <a:defRPr sz="1400">
                <a:solidFill>
                  <a:schemeClr val="accent1"/>
                </a:solidFill>
              </a:defRPr>
            </a:lvl5pPr>
            <a:lvl6pPr lvl="5" algn="ctr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SzPts val="1100"/>
              <a:buNone/>
              <a:defRPr sz="1400">
                <a:solidFill>
                  <a:schemeClr val="accent1"/>
                </a:solidFill>
              </a:defRPr>
            </a:lvl6pPr>
            <a:lvl7pPr lvl="6" algn="ctr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SzPts val="1100"/>
              <a:buNone/>
              <a:defRPr sz="1400">
                <a:solidFill>
                  <a:schemeClr val="accent1"/>
                </a:solidFill>
              </a:defRPr>
            </a:lvl7pPr>
            <a:lvl8pPr lvl="7" algn="ctr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SzPts val="1100"/>
              <a:buNone/>
              <a:defRPr sz="1400">
                <a:solidFill>
                  <a:schemeClr val="accent1"/>
                </a:solidFill>
              </a:defRPr>
            </a:lvl8pPr>
            <a:lvl9pPr lvl="8" algn="ctr">
              <a:lnSpc>
                <a:spcPct val="115000"/>
              </a:lnSpc>
              <a:spcBef>
                <a:spcPts val="1200"/>
              </a:spcBef>
              <a:spcAft>
                <a:spcPts val="1200"/>
              </a:spcAft>
              <a:buSzPts val="1100"/>
              <a:buNone/>
              <a:defRPr sz="1400">
                <a:solidFill>
                  <a:schemeClr val="accent1"/>
                </a:solidFill>
              </a:defRPr>
            </a:lvl9pPr>
          </a:lstStyle>
          <a:p>
            <a:endParaRPr/>
          </a:p>
        </p:txBody>
      </p:sp>
      <p:sp>
        <p:nvSpPr>
          <p:cNvPr id="294" name="Google Shape;294;p40"/>
          <p:cNvSpPr txBox="1">
            <a:spLocks noGrp="1"/>
          </p:cNvSpPr>
          <p:nvPr>
            <p:ph type="subTitle" idx="3"/>
          </p:nvPr>
        </p:nvSpPr>
        <p:spPr>
          <a:xfrm>
            <a:off x="663788" y="4627163"/>
            <a:ext cx="6001800" cy="420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spAutoFit/>
          </a:bodyPr>
          <a:lstStyle>
            <a:lvl1pPr lvl="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None/>
              <a:defRPr sz="600">
                <a:solidFill>
                  <a:schemeClr val="dk1"/>
                </a:solidFill>
              </a:defRPr>
            </a:lvl1pPr>
            <a:lvl2pPr lvl="1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600">
                <a:solidFill>
                  <a:schemeClr val="dk1"/>
                </a:solidFill>
              </a:defRPr>
            </a:lvl2pPr>
            <a:lvl3pPr lvl="2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600">
                <a:solidFill>
                  <a:schemeClr val="dk1"/>
                </a:solidFill>
              </a:defRPr>
            </a:lvl3pPr>
            <a:lvl4pPr lvl="3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600">
                <a:solidFill>
                  <a:schemeClr val="dk1"/>
                </a:solidFill>
              </a:defRPr>
            </a:lvl4pPr>
            <a:lvl5pPr lvl="4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600">
                <a:solidFill>
                  <a:schemeClr val="dk1"/>
                </a:solidFill>
              </a:defRPr>
            </a:lvl5pPr>
            <a:lvl6pPr lvl="5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600">
                <a:solidFill>
                  <a:schemeClr val="dk1"/>
                </a:solidFill>
              </a:defRPr>
            </a:lvl6pPr>
            <a:lvl7pPr lvl="6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600">
                <a:solidFill>
                  <a:schemeClr val="dk1"/>
                </a:solidFill>
              </a:defRPr>
            </a:lvl7pPr>
            <a:lvl8pPr lvl="7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600">
                <a:solidFill>
                  <a:schemeClr val="dk1"/>
                </a:solidFill>
              </a:defRPr>
            </a:lvl8pPr>
            <a:lvl9pPr lvl="8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600">
                <a:solidFill>
                  <a:schemeClr val="dk1"/>
                </a:solidFill>
              </a:defRPr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 1">
  <p:cSld name="Section Header 1">
    <p:spTree>
      <p:nvGrpSpPr>
        <p:cNvPr id="1" name="Shape 29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" name="Google Shape;296;p41"/>
          <p:cNvSpPr/>
          <p:nvPr/>
        </p:nvSpPr>
        <p:spPr>
          <a:xfrm>
            <a:off x="5720253" y="0"/>
            <a:ext cx="3423747" cy="3200400"/>
          </a:xfrm>
          <a:custGeom>
            <a:avLst/>
            <a:gdLst/>
            <a:ahLst/>
            <a:cxnLst/>
            <a:rect l="l" t="t" r="r" b="b"/>
            <a:pathLst>
              <a:path w="2972749" h="2778823" extrusionOk="0">
                <a:moveTo>
                  <a:pt x="691842" y="914400"/>
                </a:moveTo>
                <a:lnTo>
                  <a:pt x="1136283" y="468630"/>
                </a:lnTo>
                <a:lnTo>
                  <a:pt x="1136283" y="930402"/>
                </a:lnTo>
                <a:lnTo>
                  <a:pt x="1605694" y="459486"/>
                </a:lnTo>
                <a:lnTo>
                  <a:pt x="2056117" y="459486"/>
                </a:lnTo>
                <a:lnTo>
                  <a:pt x="2056117" y="931450"/>
                </a:lnTo>
                <a:lnTo>
                  <a:pt x="2526573" y="459486"/>
                </a:lnTo>
                <a:lnTo>
                  <a:pt x="2966836" y="459486"/>
                </a:lnTo>
                <a:lnTo>
                  <a:pt x="2516603" y="911162"/>
                </a:lnTo>
                <a:lnTo>
                  <a:pt x="2516603" y="1135666"/>
                </a:lnTo>
                <a:lnTo>
                  <a:pt x="2300127" y="1352550"/>
                </a:lnTo>
                <a:lnTo>
                  <a:pt x="2300127" y="1121759"/>
                </a:lnTo>
                <a:lnTo>
                  <a:pt x="2045673" y="1377125"/>
                </a:lnTo>
                <a:lnTo>
                  <a:pt x="2512521" y="1377125"/>
                </a:lnTo>
                <a:lnTo>
                  <a:pt x="2056117" y="1834896"/>
                </a:lnTo>
                <a:lnTo>
                  <a:pt x="2056117" y="2316956"/>
                </a:lnTo>
                <a:lnTo>
                  <a:pt x="2526573" y="1844993"/>
                </a:lnTo>
                <a:lnTo>
                  <a:pt x="2966836" y="1844993"/>
                </a:lnTo>
                <a:lnTo>
                  <a:pt x="2516603" y="2296763"/>
                </a:lnTo>
                <a:lnTo>
                  <a:pt x="2516603" y="2778824"/>
                </a:lnTo>
                <a:lnTo>
                  <a:pt x="2637469" y="2657475"/>
                </a:lnTo>
                <a:lnTo>
                  <a:pt x="2871890" y="2657475"/>
                </a:lnTo>
                <a:lnTo>
                  <a:pt x="2871890" y="2422303"/>
                </a:lnTo>
                <a:lnTo>
                  <a:pt x="2972343" y="2321528"/>
                </a:lnTo>
                <a:lnTo>
                  <a:pt x="2972343" y="2301335"/>
                </a:lnTo>
                <a:lnTo>
                  <a:pt x="2530750" y="2744343"/>
                </a:lnTo>
                <a:lnTo>
                  <a:pt x="2530750" y="2302669"/>
                </a:lnTo>
                <a:lnTo>
                  <a:pt x="2972343" y="1859661"/>
                </a:lnTo>
                <a:lnTo>
                  <a:pt x="2972343" y="1831086"/>
                </a:lnTo>
                <a:lnTo>
                  <a:pt x="2540814" y="1831086"/>
                </a:lnTo>
                <a:lnTo>
                  <a:pt x="2972343" y="1397794"/>
                </a:lnTo>
                <a:lnTo>
                  <a:pt x="2972343" y="1377601"/>
                </a:lnTo>
                <a:lnTo>
                  <a:pt x="2070359" y="2282476"/>
                </a:lnTo>
                <a:lnTo>
                  <a:pt x="2070359" y="1840802"/>
                </a:lnTo>
                <a:lnTo>
                  <a:pt x="2516603" y="1393127"/>
                </a:lnTo>
                <a:lnTo>
                  <a:pt x="2516603" y="1393127"/>
                </a:lnTo>
                <a:lnTo>
                  <a:pt x="2972343" y="935927"/>
                </a:lnTo>
                <a:lnTo>
                  <a:pt x="2972343" y="445199"/>
                </a:lnTo>
                <a:lnTo>
                  <a:pt x="2540814" y="445199"/>
                </a:lnTo>
                <a:lnTo>
                  <a:pt x="2972343" y="12287"/>
                </a:lnTo>
                <a:lnTo>
                  <a:pt x="2972343" y="0"/>
                </a:lnTo>
                <a:lnTo>
                  <a:pt x="2964462" y="0"/>
                </a:lnTo>
                <a:lnTo>
                  <a:pt x="2070359" y="896874"/>
                </a:lnTo>
                <a:lnTo>
                  <a:pt x="2070359" y="455295"/>
                </a:lnTo>
                <a:lnTo>
                  <a:pt x="2524199" y="0"/>
                </a:lnTo>
                <a:lnTo>
                  <a:pt x="2504071" y="0"/>
                </a:lnTo>
                <a:lnTo>
                  <a:pt x="2070359" y="435102"/>
                </a:lnTo>
                <a:lnTo>
                  <a:pt x="2070359" y="0"/>
                </a:lnTo>
                <a:lnTo>
                  <a:pt x="1583192" y="0"/>
                </a:lnTo>
                <a:lnTo>
                  <a:pt x="1136283" y="448342"/>
                </a:lnTo>
                <a:lnTo>
                  <a:pt x="1136283" y="448342"/>
                </a:lnTo>
                <a:lnTo>
                  <a:pt x="698773" y="887349"/>
                </a:lnTo>
                <a:lnTo>
                  <a:pt x="698773" y="445770"/>
                </a:lnTo>
                <a:lnTo>
                  <a:pt x="926643" y="217170"/>
                </a:lnTo>
                <a:lnTo>
                  <a:pt x="1143119" y="0"/>
                </a:lnTo>
                <a:lnTo>
                  <a:pt x="1122896" y="0"/>
                </a:lnTo>
                <a:lnTo>
                  <a:pt x="698773" y="425482"/>
                </a:lnTo>
                <a:lnTo>
                  <a:pt x="698773" y="0"/>
                </a:lnTo>
                <a:lnTo>
                  <a:pt x="684152" y="0"/>
                </a:lnTo>
                <a:lnTo>
                  <a:pt x="684152" y="439769"/>
                </a:lnTo>
                <a:lnTo>
                  <a:pt x="440236" y="684943"/>
                </a:lnTo>
                <a:lnTo>
                  <a:pt x="238381" y="684943"/>
                </a:lnTo>
                <a:lnTo>
                  <a:pt x="238381" y="445770"/>
                </a:lnTo>
                <a:lnTo>
                  <a:pt x="682727" y="0"/>
                </a:lnTo>
                <a:lnTo>
                  <a:pt x="662599" y="0"/>
                </a:lnTo>
                <a:lnTo>
                  <a:pt x="224140" y="439769"/>
                </a:lnTo>
                <a:lnTo>
                  <a:pt x="224140" y="689134"/>
                </a:lnTo>
                <a:lnTo>
                  <a:pt x="-407" y="914400"/>
                </a:lnTo>
                <a:lnTo>
                  <a:pt x="691842" y="914400"/>
                </a:lnTo>
                <a:close/>
                <a:moveTo>
                  <a:pt x="224140" y="900113"/>
                </a:moveTo>
                <a:lnTo>
                  <a:pt x="34248" y="900113"/>
                </a:lnTo>
                <a:lnTo>
                  <a:pt x="224140" y="709613"/>
                </a:lnTo>
                <a:close/>
                <a:moveTo>
                  <a:pt x="684152" y="460058"/>
                </a:moveTo>
                <a:lnTo>
                  <a:pt x="684152" y="897446"/>
                </a:lnTo>
                <a:lnTo>
                  <a:pt x="248446" y="897446"/>
                </a:lnTo>
                <a:lnTo>
                  <a:pt x="684152" y="460058"/>
                </a:lnTo>
                <a:close/>
                <a:moveTo>
                  <a:pt x="1596295" y="448342"/>
                </a:moveTo>
                <a:lnTo>
                  <a:pt x="1150050" y="896017"/>
                </a:lnTo>
                <a:lnTo>
                  <a:pt x="1150050" y="454438"/>
                </a:lnTo>
                <a:lnTo>
                  <a:pt x="1596295" y="6763"/>
                </a:lnTo>
                <a:close/>
                <a:moveTo>
                  <a:pt x="2055737" y="445199"/>
                </a:moveTo>
                <a:lnTo>
                  <a:pt x="1620126" y="445199"/>
                </a:lnTo>
                <a:lnTo>
                  <a:pt x="2056117" y="7715"/>
                </a:lnTo>
                <a:close/>
                <a:moveTo>
                  <a:pt x="2516603" y="1362837"/>
                </a:moveTo>
                <a:lnTo>
                  <a:pt x="2310192" y="1362837"/>
                </a:lnTo>
                <a:lnTo>
                  <a:pt x="2516603" y="1156240"/>
                </a:lnTo>
                <a:close/>
                <a:moveTo>
                  <a:pt x="1620031" y="964978"/>
                </a:moveTo>
                <a:lnTo>
                  <a:pt x="1620031" y="665988"/>
                </a:lnTo>
                <a:lnTo>
                  <a:pt x="1321902" y="964978"/>
                </a:lnTo>
                <a:close/>
                <a:moveTo>
                  <a:pt x="1605789" y="950690"/>
                </a:moveTo>
                <a:lnTo>
                  <a:pt x="1355797" y="950690"/>
                </a:lnTo>
                <a:lnTo>
                  <a:pt x="1605125" y="700469"/>
                </a:lnTo>
                <a:close/>
              </a:path>
            </a:pathLst>
          </a:custGeom>
          <a:solidFill>
            <a:schemeClr val="lt2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97" name="Google Shape;297;p41"/>
          <p:cNvSpPr txBox="1">
            <a:spLocks noGrp="1"/>
          </p:cNvSpPr>
          <p:nvPr>
            <p:ph type="title"/>
          </p:nvPr>
        </p:nvSpPr>
        <p:spPr>
          <a:xfrm>
            <a:off x="345911" y="1380392"/>
            <a:ext cx="7498080" cy="178543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4000">
                <a:solidFill>
                  <a:schemeClr val="dk1"/>
                </a:solidFill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298" name="Google Shape;298;p41"/>
          <p:cNvSpPr txBox="1">
            <a:spLocks noGrp="1"/>
          </p:cNvSpPr>
          <p:nvPr>
            <p:ph type="body" idx="1"/>
          </p:nvPr>
        </p:nvSpPr>
        <p:spPr>
          <a:xfrm>
            <a:off x="360541" y="3178752"/>
            <a:ext cx="7498080" cy="112514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2286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None/>
              <a:defRPr sz="2200">
                <a:solidFill>
                  <a:schemeClr val="dk1"/>
                </a:solidFill>
              </a:defRPr>
            </a:lvl1pPr>
            <a:lvl2pPr marL="914400" lvl="1" indent="-2286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1500">
                <a:solidFill>
                  <a:srgbClr val="D2A789"/>
                </a:solidFill>
              </a:defRPr>
            </a:lvl2pPr>
            <a:lvl3pPr marL="1371600" lvl="2" indent="-2286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1350">
                <a:solidFill>
                  <a:srgbClr val="D2A789"/>
                </a:solidFill>
              </a:defRPr>
            </a:lvl3pPr>
            <a:lvl4pPr marL="1828800" lvl="3" indent="-2286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1200">
                <a:solidFill>
                  <a:srgbClr val="D2A789"/>
                </a:solidFill>
              </a:defRPr>
            </a:lvl4pPr>
            <a:lvl5pPr marL="2286000" lvl="4" indent="-2286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1200">
                <a:solidFill>
                  <a:srgbClr val="D2A789"/>
                </a:solidFill>
              </a:defRPr>
            </a:lvl5pPr>
            <a:lvl6pPr marL="2743200" lvl="5" indent="-2286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1200">
                <a:solidFill>
                  <a:srgbClr val="D2A789"/>
                </a:solidFill>
              </a:defRPr>
            </a:lvl6pPr>
            <a:lvl7pPr marL="3200400" lvl="6" indent="-2286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1200">
                <a:solidFill>
                  <a:srgbClr val="D2A789"/>
                </a:solidFill>
              </a:defRPr>
            </a:lvl7pPr>
            <a:lvl8pPr marL="3657600" lvl="7" indent="-2286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1200">
                <a:solidFill>
                  <a:srgbClr val="D2A789"/>
                </a:solidFill>
              </a:defRPr>
            </a:lvl8pPr>
            <a:lvl9pPr marL="4114800" lvl="8" indent="-22860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  <a:defRPr sz="1200">
                <a:solidFill>
                  <a:srgbClr val="D2A789"/>
                </a:solidFill>
              </a:defRPr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30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4" name="Google Shape;304;g1332e3d512a_0_79"/>
          <p:cNvSpPr txBox="1">
            <a:spLocks noGrp="1"/>
          </p:cNvSpPr>
          <p:nvPr>
            <p:ph type="ctrTitle"/>
          </p:nvPr>
        </p:nvSpPr>
        <p:spPr>
          <a:xfrm>
            <a:off x="311708" y="744575"/>
            <a:ext cx="8520600" cy="20526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1pPr>
            <a:lvl2pPr lvl="1" algn="ctr" rtl="0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2pPr>
            <a:lvl3pPr lvl="2" algn="ctr" rtl="0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3pPr>
            <a:lvl4pPr lvl="3" algn="ctr" rtl="0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4pPr>
            <a:lvl5pPr lvl="4" algn="ctr" rtl="0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5pPr>
            <a:lvl6pPr lvl="5" algn="ctr" rtl="0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6pPr>
            <a:lvl7pPr lvl="6" algn="ctr" rtl="0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7pPr>
            <a:lvl8pPr lvl="7" algn="ctr" rtl="0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8pPr>
            <a:lvl9pPr lvl="8" algn="ctr" rtl="0">
              <a:spcBef>
                <a:spcPts val="0"/>
              </a:spcBef>
              <a:spcAft>
                <a:spcPts val="0"/>
              </a:spcAft>
              <a:buSzPts val="5200"/>
              <a:buNone/>
              <a:defRPr sz="5200"/>
            </a:lvl9pPr>
          </a:lstStyle>
          <a:p>
            <a:endParaRPr/>
          </a:p>
        </p:txBody>
      </p:sp>
      <p:sp>
        <p:nvSpPr>
          <p:cNvPr id="305" name="Google Shape;305;g1332e3d512a_0_79"/>
          <p:cNvSpPr txBox="1">
            <a:spLocks noGrp="1"/>
          </p:cNvSpPr>
          <p:nvPr>
            <p:ph type="subTitle" idx="1"/>
          </p:nvPr>
        </p:nvSpPr>
        <p:spPr>
          <a:xfrm>
            <a:off x="311700" y="2834125"/>
            <a:ext cx="8520600" cy="7926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1pPr>
            <a:lvl2pPr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2pPr>
            <a:lvl3pPr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3pPr>
            <a:lvl4pPr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4pPr>
            <a:lvl5pPr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5pPr>
            <a:lvl6pPr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6pPr>
            <a:lvl7pPr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7pPr>
            <a:lvl8pPr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8pPr>
            <a:lvl9pPr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 sz="2800"/>
            </a:lvl9pPr>
          </a:lstStyle>
          <a:p>
            <a:endParaRPr/>
          </a:p>
        </p:txBody>
      </p:sp>
      <p:sp>
        <p:nvSpPr>
          <p:cNvPr id="306" name="Google Shape;306;g1332e3d512a_0_79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30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8" name="Google Shape;308;g1332e3d512a_0_83"/>
          <p:cNvSpPr txBox="1">
            <a:spLocks noGrp="1"/>
          </p:cNvSpPr>
          <p:nvPr>
            <p:ph type="title"/>
          </p:nvPr>
        </p:nvSpPr>
        <p:spPr>
          <a:xfrm>
            <a:off x="311700" y="2150850"/>
            <a:ext cx="8520600" cy="841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1pPr>
            <a:lvl2pPr lvl="1" algn="ctr" rtl="0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2pPr>
            <a:lvl3pPr lvl="2" algn="ctr" rtl="0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3pPr>
            <a:lvl4pPr lvl="3" algn="ctr" rtl="0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4pPr>
            <a:lvl5pPr lvl="4" algn="ctr" rtl="0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5pPr>
            <a:lvl6pPr lvl="5" algn="ctr" rtl="0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6pPr>
            <a:lvl7pPr lvl="6" algn="ctr" rtl="0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7pPr>
            <a:lvl8pPr lvl="7" algn="ctr" rtl="0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8pPr>
            <a:lvl9pPr lvl="8" algn="ctr" rtl="0">
              <a:spcBef>
                <a:spcPts val="0"/>
              </a:spcBef>
              <a:spcAft>
                <a:spcPts val="0"/>
              </a:spcAft>
              <a:buSzPts val="3600"/>
              <a:buNone/>
              <a:defRPr sz="3600"/>
            </a:lvl9pPr>
          </a:lstStyle>
          <a:p>
            <a:endParaRPr/>
          </a:p>
        </p:txBody>
      </p:sp>
      <p:sp>
        <p:nvSpPr>
          <p:cNvPr id="309" name="Google Shape;309;g1332e3d512a_0_83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two columns" type="twoColTx">
  <p:cSld name="TITLE_AND_TWO_COLUMNS">
    <p:spTree>
      <p:nvGrpSpPr>
        <p:cNvPr id="1" name="Shape 3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5" name="Google Shape;315;g1332e3d512a_0_90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316" name="Google Shape;316;g1332e3d512a_0_90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3999900" cy="3416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17500" rtl="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400"/>
            </a:lvl1pPr>
            <a:lvl2pPr marL="914400" lvl="1" indent="-304800" rtl="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 rtl="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 rtl="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 rtl="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 rtl="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 rtl="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 rtl="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 rtl="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317" name="Google Shape;317;g1332e3d512a_0_90"/>
          <p:cNvSpPr txBox="1">
            <a:spLocks noGrp="1"/>
          </p:cNvSpPr>
          <p:nvPr>
            <p:ph type="body" idx="2"/>
          </p:nvPr>
        </p:nvSpPr>
        <p:spPr>
          <a:xfrm>
            <a:off x="4832400" y="1152475"/>
            <a:ext cx="3999900" cy="3416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17500" rtl="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400"/>
            </a:lvl1pPr>
            <a:lvl2pPr marL="914400" lvl="1" indent="-304800" rtl="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 rtl="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 rtl="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 rtl="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 rtl="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 rtl="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 rtl="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 rtl="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318" name="Google Shape;318;g1332e3d512a_0_90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ullet">
  <p:cSld name="Bullet">
    <p:spTree>
      <p:nvGrpSpPr>
        <p:cNvPr id="1" name="Shape 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Google Shape;57;p28"/>
          <p:cNvSpPr txBox="1">
            <a:spLocks noGrp="1"/>
          </p:cNvSpPr>
          <p:nvPr>
            <p:ph type="title"/>
          </p:nvPr>
        </p:nvSpPr>
        <p:spPr>
          <a:xfrm>
            <a:off x="346606" y="273844"/>
            <a:ext cx="8458200" cy="8229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58" name="Google Shape;58;p28"/>
          <p:cNvSpPr txBox="1">
            <a:spLocks noGrp="1"/>
          </p:cNvSpPr>
          <p:nvPr>
            <p:ph type="body" idx="1"/>
          </p:nvPr>
        </p:nvSpPr>
        <p:spPr>
          <a:xfrm>
            <a:off x="346606" y="1318220"/>
            <a:ext cx="8458200" cy="329184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3111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Char char="●"/>
              <a:defRPr/>
            </a:lvl1pPr>
            <a:lvl2pPr marL="914400" lvl="1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2pPr>
            <a:lvl3pPr marL="1371600" lvl="2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3pPr>
            <a:lvl4pPr marL="1828800" lvl="3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4pPr>
            <a:lvl5pPr marL="2286000" lvl="4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5pPr>
            <a:lvl6pPr marL="2743200" lvl="5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6pPr>
            <a:lvl7pPr marL="3200400" lvl="6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7pPr>
            <a:lvl8pPr marL="3657600" lvl="7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8pPr>
            <a:lvl9pPr marL="4114800" lvl="8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One column text">
  <p:cSld name="ONE_COLUMN_TEXT">
    <p:spTree>
      <p:nvGrpSpPr>
        <p:cNvPr id="1" name="Shape 3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3" name="Google Shape;323;g1332e3d512a_0_98"/>
          <p:cNvSpPr txBox="1">
            <a:spLocks noGrp="1"/>
          </p:cNvSpPr>
          <p:nvPr>
            <p:ph type="title"/>
          </p:nvPr>
        </p:nvSpPr>
        <p:spPr>
          <a:xfrm>
            <a:off x="311700" y="555600"/>
            <a:ext cx="2808000" cy="7557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1pPr>
            <a:lvl2pPr lvl="1" rt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2pPr>
            <a:lvl3pPr lvl="2" rt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3pPr>
            <a:lvl4pPr lvl="3" rt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4pPr>
            <a:lvl5pPr lvl="4" rt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5pPr>
            <a:lvl6pPr lvl="5" rt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6pPr>
            <a:lvl7pPr lvl="6" rt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7pPr>
            <a:lvl8pPr lvl="7" rt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8pPr>
            <a:lvl9pPr lvl="8" rtl="0">
              <a:spcBef>
                <a:spcPts val="0"/>
              </a:spcBef>
              <a:spcAft>
                <a:spcPts val="0"/>
              </a:spcAft>
              <a:buSzPts val="2400"/>
              <a:buNone/>
              <a:defRPr sz="2400"/>
            </a:lvl9pPr>
          </a:lstStyle>
          <a:p>
            <a:endParaRPr/>
          </a:p>
        </p:txBody>
      </p:sp>
      <p:sp>
        <p:nvSpPr>
          <p:cNvPr id="324" name="Google Shape;324;g1332e3d512a_0_98"/>
          <p:cNvSpPr txBox="1">
            <a:spLocks noGrp="1"/>
          </p:cNvSpPr>
          <p:nvPr>
            <p:ph type="body" idx="1"/>
          </p:nvPr>
        </p:nvSpPr>
        <p:spPr>
          <a:xfrm>
            <a:off x="311700" y="1389600"/>
            <a:ext cx="2808000" cy="31794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04800" rtl="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1pPr>
            <a:lvl2pPr marL="914400" lvl="1" indent="-304800" rtl="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2pPr>
            <a:lvl3pPr marL="1371600" lvl="2" indent="-304800" rtl="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3pPr>
            <a:lvl4pPr marL="1828800" lvl="3" indent="-304800" rtl="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4pPr>
            <a:lvl5pPr marL="2286000" lvl="4" indent="-304800" rtl="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5pPr>
            <a:lvl6pPr marL="2743200" lvl="5" indent="-304800" rtl="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6pPr>
            <a:lvl7pPr marL="3200400" lvl="6" indent="-304800" rtl="0">
              <a:spcBef>
                <a:spcPts val="0"/>
              </a:spcBef>
              <a:spcAft>
                <a:spcPts val="0"/>
              </a:spcAft>
              <a:buSzPts val="1200"/>
              <a:buChar char="●"/>
              <a:defRPr sz="1200"/>
            </a:lvl7pPr>
            <a:lvl8pPr marL="3657600" lvl="7" indent="-304800" rtl="0">
              <a:spcBef>
                <a:spcPts val="0"/>
              </a:spcBef>
              <a:spcAft>
                <a:spcPts val="0"/>
              </a:spcAft>
              <a:buSzPts val="1200"/>
              <a:buChar char="○"/>
              <a:defRPr sz="1200"/>
            </a:lvl8pPr>
            <a:lvl9pPr marL="4114800" lvl="8" indent="-304800" rtl="0">
              <a:spcBef>
                <a:spcPts val="0"/>
              </a:spcBef>
              <a:spcAft>
                <a:spcPts val="0"/>
              </a:spcAft>
              <a:buSzPts val="1200"/>
              <a:buChar char="■"/>
              <a:defRPr sz="1200"/>
            </a:lvl9pPr>
          </a:lstStyle>
          <a:p>
            <a:endParaRPr/>
          </a:p>
        </p:txBody>
      </p:sp>
      <p:sp>
        <p:nvSpPr>
          <p:cNvPr id="325" name="Google Shape;325;g1332e3d512a_0_98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Main point">
  <p:cSld name="MAIN_POINT">
    <p:spTree>
      <p:nvGrpSpPr>
        <p:cNvPr id="1" name="Shape 3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" name="Google Shape;327;g1332e3d512a_0_102"/>
          <p:cNvSpPr txBox="1">
            <a:spLocks noGrp="1"/>
          </p:cNvSpPr>
          <p:nvPr>
            <p:ph type="title"/>
          </p:nvPr>
        </p:nvSpPr>
        <p:spPr>
          <a:xfrm>
            <a:off x="490250" y="450150"/>
            <a:ext cx="6367800" cy="4090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1pPr>
            <a:lvl2pPr lvl="1" rt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2pPr>
            <a:lvl3pPr lvl="2" rt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3pPr>
            <a:lvl4pPr lvl="3" rt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4pPr>
            <a:lvl5pPr lvl="4" rt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5pPr>
            <a:lvl6pPr lvl="5" rt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6pPr>
            <a:lvl7pPr lvl="6" rt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7pPr>
            <a:lvl8pPr lvl="7" rt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8pPr>
            <a:lvl9pPr lvl="8" rtl="0">
              <a:spcBef>
                <a:spcPts val="0"/>
              </a:spcBef>
              <a:spcAft>
                <a:spcPts val="0"/>
              </a:spcAft>
              <a:buSzPts val="4800"/>
              <a:buNone/>
              <a:defRPr sz="4800"/>
            </a:lvl9pPr>
          </a:lstStyle>
          <a:p>
            <a:endParaRPr/>
          </a:p>
        </p:txBody>
      </p:sp>
      <p:sp>
        <p:nvSpPr>
          <p:cNvPr id="328" name="Google Shape;328;g1332e3d512a_0_102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title and description">
  <p:cSld name="SECTION_TITLE_AND_DESCRIPTION">
    <p:spTree>
      <p:nvGrpSpPr>
        <p:cNvPr id="1" name="Shape 3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0" name="Google Shape;330;g1332e3d512a_0_105"/>
          <p:cNvSpPr/>
          <p:nvPr/>
        </p:nvSpPr>
        <p:spPr>
          <a:xfrm>
            <a:off x="4572000" y="-125"/>
            <a:ext cx="4572000" cy="5143500"/>
          </a:xfrm>
          <a:prstGeom prst="rect">
            <a:avLst/>
          </a:prstGeom>
          <a:solidFill>
            <a:schemeClr val="lt2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31" name="Google Shape;331;g1332e3d512a_0_105"/>
          <p:cNvSpPr txBox="1">
            <a:spLocks noGrp="1"/>
          </p:cNvSpPr>
          <p:nvPr>
            <p:ph type="title"/>
          </p:nvPr>
        </p:nvSpPr>
        <p:spPr>
          <a:xfrm>
            <a:off x="265500" y="1233175"/>
            <a:ext cx="4045200" cy="14823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1pPr>
            <a:lvl2pPr lvl="1" algn="ctr" rtl="0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2pPr>
            <a:lvl3pPr lvl="2" algn="ctr" rtl="0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3pPr>
            <a:lvl4pPr lvl="3" algn="ctr" rtl="0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4pPr>
            <a:lvl5pPr lvl="4" algn="ctr" rtl="0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5pPr>
            <a:lvl6pPr lvl="5" algn="ctr" rtl="0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6pPr>
            <a:lvl7pPr lvl="6" algn="ctr" rtl="0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7pPr>
            <a:lvl8pPr lvl="7" algn="ctr" rtl="0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8pPr>
            <a:lvl9pPr lvl="8" algn="ctr" rtl="0">
              <a:spcBef>
                <a:spcPts val="0"/>
              </a:spcBef>
              <a:spcAft>
                <a:spcPts val="0"/>
              </a:spcAft>
              <a:buSzPts val="4200"/>
              <a:buNone/>
              <a:defRPr sz="4200"/>
            </a:lvl9pPr>
          </a:lstStyle>
          <a:p>
            <a:endParaRPr/>
          </a:p>
        </p:txBody>
      </p:sp>
      <p:sp>
        <p:nvSpPr>
          <p:cNvPr id="332" name="Google Shape;332;g1332e3d512a_0_105"/>
          <p:cNvSpPr txBox="1">
            <a:spLocks noGrp="1"/>
          </p:cNvSpPr>
          <p:nvPr>
            <p:ph type="subTitle" idx="1"/>
          </p:nvPr>
        </p:nvSpPr>
        <p:spPr>
          <a:xfrm>
            <a:off x="265500" y="2803075"/>
            <a:ext cx="4045200" cy="12351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1pPr>
            <a:lvl2pPr lvl="1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2pPr>
            <a:lvl3pPr lvl="2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3pPr>
            <a:lvl4pPr lvl="3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4pPr>
            <a:lvl5pPr lvl="4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5pPr>
            <a:lvl6pPr lvl="5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6pPr>
            <a:lvl7pPr lvl="6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7pPr>
            <a:lvl8pPr lvl="7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8pPr>
            <a:lvl9pPr lvl="8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100"/>
              <a:buNone/>
              <a:defRPr sz="2100"/>
            </a:lvl9pPr>
          </a:lstStyle>
          <a:p>
            <a:endParaRPr/>
          </a:p>
        </p:txBody>
      </p:sp>
      <p:sp>
        <p:nvSpPr>
          <p:cNvPr id="333" name="Google Shape;333;g1332e3d512a_0_105"/>
          <p:cNvSpPr txBox="1">
            <a:spLocks noGrp="1"/>
          </p:cNvSpPr>
          <p:nvPr>
            <p:ph type="body" idx="2"/>
          </p:nvPr>
        </p:nvSpPr>
        <p:spPr>
          <a:xfrm>
            <a:off x="4939500" y="724075"/>
            <a:ext cx="3837000" cy="36951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marL="457200" lvl="0" indent="-342900" rtl="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rtl="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rtl="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rtl="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rtl="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rtl="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rtl="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rtl="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rtl="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334" name="Google Shape;334;g1332e3d512a_0_105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aption">
  <p:cSld name="CAPTION_ONLY">
    <p:spTree>
      <p:nvGrpSpPr>
        <p:cNvPr id="1" name="Shape 3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6" name="Google Shape;336;g1332e3d512a_0_111"/>
          <p:cNvSpPr txBox="1">
            <a:spLocks noGrp="1"/>
          </p:cNvSpPr>
          <p:nvPr>
            <p:ph type="body" idx="1"/>
          </p:nvPr>
        </p:nvSpPr>
        <p:spPr>
          <a:xfrm>
            <a:off x="311700" y="4230575"/>
            <a:ext cx="5998800" cy="6051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marL="457200" lvl="0" indent="-22860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/>
            </a:lvl1pPr>
          </a:lstStyle>
          <a:p>
            <a:endParaRPr/>
          </a:p>
        </p:txBody>
      </p:sp>
      <p:sp>
        <p:nvSpPr>
          <p:cNvPr id="337" name="Google Shape;337;g1332e3d512a_0_111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number">
  <p:cSld name="BIG_NUMBER">
    <p:spTree>
      <p:nvGrpSpPr>
        <p:cNvPr id="1" name="Shape 3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9" name="Google Shape;339;g1332e3d512a_0_114"/>
          <p:cNvSpPr txBox="1">
            <a:spLocks noGrp="1"/>
          </p:cNvSpPr>
          <p:nvPr>
            <p:ph type="title" hasCustomPrompt="1"/>
          </p:nvPr>
        </p:nvSpPr>
        <p:spPr>
          <a:xfrm>
            <a:off x="311700" y="1106125"/>
            <a:ext cx="8520600" cy="19635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rm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1pPr>
            <a:lvl2pPr lvl="1" algn="ctr" rtl="0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2pPr>
            <a:lvl3pPr lvl="2" algn="ctr" rtl="0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3pPr>
            <a:lvl4pPr lvl="3" algn="ctr" rtl="0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4pPr>
            <a:lvl5pPr lvl="4" algn="ctr" rtl="0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5pPr>
            <a:lvl6pPr lvl="5" algn="ctr" rtl="0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6pPr>
            <a:lvl7pPr lvl="6" algn="ctr" rtl="0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7pPr>
            <a:lvl8pPr lvl="7" algn="ctr" rtl="0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8pPr>
            <a:lvl9pPr lvl="8" algn="ctr" rtl="0">
              <a:spcBef>
                <a:spcPts val="0"/>
              </a:spcBef>
              <a:spcAft>
                <a:spcPts val="0"/>
              </a:spcAft>
              <a:buSzPts val="12000"/>
              <a:buNone/>
              <a:defRPr sz="12000"/>
            </a:lvl9pPr>
          </a:lstStyle>
          <a:p>
            <a:r>
              <a:t>xx%</a:t>
            </a:r>
          </a:p>
        </p:txBody>
      </p:sp>
      <p:sp>
        <p:nvSpPr>
          <p:cNvPr id="340" name="Google Shape;340;g1332e3d512a_0_114"/>
          <p:cNvSpPr txBox="1">
            <a:spLocks noGrp="1"/>
          </p:cNvSpPr>
          <p:nvPr>
            <p:ph type="body" idx="1"/>
          </p:nvPr>
        </p:nvSpPr>
        <p:spPr>
          <a:xfrm>
            <a:off x="311700" y="3152225"/>
            <a:ext cx="8520600" cy="1300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 algn="ctr" rtl="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 algn="ctr" rtl="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 algn="ctr" rtl="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 algn="ctr" rtl="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 algn="ctr" rtl="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 algn="ctr" rtl="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 algn="ctr" rtl="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 algn="ctr" rtl="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 algn="ctr" rtl="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341" name="Google Shape;341;g1332e3d512a_0_114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3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3" name="Google Shape;343;g1332e3d512a_0_118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 rtl="0">
              <a:buNone/>
              <a:defRPr/>
            </a:lvl1pPr>
            <a:lvl2pPr lvl="1" rtl="0">
              <a:buNone/>
              <a:defRPr/>
            </a:lvl2pPr>
            <a:lvl3pPr lvl="2" rtl="0">
              <a:buNone/>
              <a:defRPr/>
            </a:lvl3pPr>
            <a:lvl4pPr lvl="3" rtl="0">
              <a:buNone/>
              <a:defRPr/>
            </a:lvl4pPr>
            <a:lvl5pPr lvl="4" rtl="0">
              <a:buNone/>
              <a:defRPr/>
            </a:lvl5pPr>
            <a:lvl6pPr lvl="5" rtl="0">
              <a:buNone/>
              <a:defRPr/>
            </a:lvl6pPr>
            <a:lvl7pPr lvl="6" rtl="0">
              <a:buNone/>
              <a:defRPr/>
            </a:lvl7pPr>
            <a:lvl8pPr lvl="7" rtl="0">
              <a:buNone/>
              <a:defRPr/>
            </a:lvl8pPr>
            <a:lvl9pPr lvl="8" rtl="0"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Text">
            <a:extLst>
              <a:ext uri="{FF2B5EF4-FFF2-40B4-BE49-F238E27FC236}">
                <a16:creationId xmlns:a16="http://schemas.microsoft.com/office/drawing/2014/main" id="{14C27936-4608-A44C-9C6E-3708646E2002}"/>
              </a:ext>
            </a:extLst>
          </p:cNvPr>
          <p:cNvSpPr txBox="1">
            <a:spLocks noGrp="1"/>
          </p:cNvSpPr>
          <p:nvPr>
            <p:ph type="title" hasCustomPrompt="1"/>
          </p:nvPr>
        </p:nvSpPr>
        <p:spPr>
          <a:xfrm>
            <a:off x="428528" y="428626"/>
            <a:ext cx="8258112" cy="714374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0" tIns="0" rIns="0" bIns="0">
            <a:noAutofit/>
          </a:bodyPr>
          <a:lstStyle>
            <a:lvl1pPr>
              <a:defRPr sz="3000">
                <a:solidFill>
                  <a:srgbClr val="525252"/>
                </a:solidFill>
              </a:defRPr>
            </a:lvl1pPr>
          </a:lstStyle>
          <a:p>
            <a:r>
              <a:rPr lang="en-US"/>
              <a:t>40pt Intel Clear Light Text Goes He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BA0C540-99BD-45E3-99D2-78C2032EBE57}"/>
              </a:ext>
            </a:extLst>
          </p:cNvPr>
          <p:cNvSpPr>
            <a:spLocks noGrp="1"/>
          </p:cNvSpPr>
          <p:nvPr>
            <p:ph sz="quarter" idx="28"/>
          </p:nvPr>
        </p:nvSpPr>
        <p:spPr>
          <a:xfrm>
            <a:off x="428528" y="1255091"/>
            <a:ext cx="8258175" cy="343121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382541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59568" y="357188"/>
            <a:ext cx="6265069" cy="8108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/>
        </p:nvSpPr>
        <p:spPr bwMode="auto">
          <a:xfrm>
            <a:off x="297000" y="4806564"/>
            <a:ext cx="59635" cy="196795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67891" marR="0" indent="-267891" algn="l" defTabSz="685800" rtl="0" eaLnBrk="1" fontAlgn="base" latinLnBrk="0" hangingPunct="1">
              <a:lnSpc>
                <a:spcPct val="100000"/>
              </a:lnSpc>
              <a:spcBef>
                <a:spcPts val="225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15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336210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59568" y="357188"/>
            <a:ext cx="6265070" cy="8108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359568" y="1383506"/>
            <a:ext cx="6265070" cy="3294459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9" name="FirstDividerHider">
            <a:extLst>
              <a:ext uri="{FF2B5EF4-FFF2-40B4-BE49-F238E27FC236}">
                <a16:creationId xmlns:a16="http://schemas.microsoft.com/office/drawing/2014/main" id="{F5902C4D-6221-4E36-A2F9-055DD2942060}"/>
              </a:ext>
            </a:extLst>
          </p:cNvPr>
          <p:cNvSpPr/>
          <p:nvPr/>
        </p:nvSpPr>
        <p:spPr bwMode="auto">
          <a:xfrm>
            <a:off x="297000" y="4806564"/>
            <a:ext cx="59635" cy="196795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67891" marR="0" indent="-267891" algn="l" defTabSz="685800" rtl="0" eaLnBrk="1" fontAlgn="base" latinLnBrk="0" hangingPunct="1">
              <a:lnSpc>
                <a:spcPct val="100000"/>
              </a:lnSpc>
              <a:spcBef>
                <a:spcPts val="225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15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8669839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hapter/Section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359569" y="357188"/>
            <a:ext cx="6265069" cy="2593181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4500" b="0" baseline="0" dirty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Chapter/section, </a:t>
            </a:r>
            <a:br>
              <a:rPr lang="en-GB"/>
            </a:br>
            <a:r>
              <a:rPr lang="en-US"/>
              <a:t>Ericsson Hilda Light 60pt, Ericsson Black, </a:t>
            </a:r>
            <a:br>
              <a:rPr lang="en-GB"/>
            </a:br>
            <a:r>
              <a:rPr lang="en-US"/>
              <a:t>max 4-lines</a:t>
            </a:r>
          </a:p>
        </p:txBody>
      </p:sp>
      <p:sp>
        <p:nvSpPr>
          <p:cNvPr id="4" name="FirstDividerHider">
            <a:extLst>
              <a:ext uri="{FF2B5EF4-FFF2-40B4-BE49-F238E27FC236}">
                <a16:creationId xmlns:a16="http://schemas.microsoft.com/office/drawing/2014/main" id="{EBCE69E9-15BF-463F-B5D4-3C1F6E9F6B53}"/>
              </a:ext>
            </a:extLst>
          </p:cNvPr>
          <p:cNvSpPr/>
          <p:nvPr userDrawn="1"/>
        </p:nvSpPr>
        <p:spPr bwMode="auto">
          <a:xfrm>
            <a:off x="297000" y="4806564"/>
            <a:ext cx="59635" cy="196795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67891" marR="0" indent="-267891" algn="l" defTabSz="685800" rtl="0" eaLnBrk="1" fontAlgn="base" latinLnBrk="0" hangingPunct="1">
              <a:lnSpc>
                <a:spcPct val="100000"/>
              </a:lnSpc>
              <a:spcBef>
                <a:spcPts val="225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1500" b="0" i="0" u="none" strike="noStrike" cap="none" normalizeH="0" baseline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93052350"/>
      </p:ext>
    </p:extLst>
  </p:cSld>
  <p:clrMapOvr>
    <a:masterClrMapping/>
  </p:clrMapOvr>
  <p:hf sldNum="0" hdr="0" ftr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bg>
      <p:bgPr>
        <a:solidFill>
          <a:schemeClr val="dk1"/>
        </a:solidFill>
        <a:effectLst/>
      </p:bgPr>
    </p:bg>
    <p:spTree>
      <p:nvGrpSpPr>
        <p:cNvPr id="1" name="Shape 5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0" name="Google Shape;60;p29"/>
          <p:cNvGrpSpPr/>
          <p:nvPr/>
        </p:nvGrpSpPr>
        <p:grpSpPr>
          <a:xfrm>
            <a:off x="146769" y="3406"/>
            <a:ext cx="1233214" cy="1384535"/>
            <a:chOff x="146769" y="3406"/>
            <a:chExt cx="1233214" cy="1384535"/>
          </a:xfrm>
        </p:grpSpPr>
        <p:grpSp>
          <p:nvGrpSpPr>
            <p:cNvPr id="61" name="Google Shape;61;p29"/>
            <p:cNvGrpSpPr/>
            <p:nvPr/>
          </p:nvGrpSpPr>
          <p:grpSpPr>
            <a:xfrm>
              <a:off x="1063183" y="3406"/>
              <a:ext cx="316800" cy="688513"/>
              <a:chOff x="1063183" y="3406"/>
              <a:chExt cx="316800" cy="688513"/>
            </a:xfrm>
          </p:grpSpPr>
          <p:sp>
            <p:nvSpPr>
              <p:cNvPr id="62" name="Google Shape;62;p29"/>
              <p:cNvSpPr/>
              <p:nvPr/>
            </p:nvSpPr>
            <p:spPr>
              <a:xfrm rot="10800000">
                <a:off x="1063183" y="3419"/>
                <a:ext cx="316800" cy="688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63" name="Google Shape;63;p29"/>
              <p:cNvSpPr/>
              <p:nvPr/>
            </p:nvSpPr>
            <p:spPr>
              <a:xfrm rot="10800000">
                <a:off x="1063183" y="3406"/>
                <a:ext cx="316800" cy="340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64" name="Google Shape;64;p29"/>
            <p:cNvGrpSpPr/>
            <p:nvPr/>
          </p:nvGrpSpPr>
          <p:grpSpPr>
            <a:xfrm>
              <a:off x="604976" y="3406"/>
              <a:ext cx="316800" cy="1036524"/>
              <a:chOff x="604976" y="3406"/>
              <a:chExt cx="316800" cy="1036524"/>
            </a:xfrm>
          </p:grpSpPr>
          <p:sp>
            <p:nvSpPr>
              <p:cNvPr id="65" name="Google Shape;65;p29"/>
              <p:cNvSpPr/>
              <p:nvPr/>
            </p:nvSpPr>
            <p:spPr>
              <a:xfrm rot="10800000">
                <a:off x="604976" y="3419"/>
                <a:ext cx="316800" cy="688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66" name="Google Shape;66;p29"/>
              <p:cNvSpPr/>
              <p:nvPr/>
            </p:nvSpPr>
            <p:spPr>
              <a:xfrm rot="10800000">
                <a:off x="604976" y="3430"/>
                <a:ext cx="316800" cy="1036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67" name="Google Shape;67;p29"/>
              <p:cNvSpPr/>
              <p:nvPr/>
            </p:nvSpPr>
            <p:spPr>
              <a:xfrm rot="10800000">
                <a:off x="604976" y="3406"/>
                <a:ext cx="316800" cy="340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68" name="Google Shape;68;p29"/>
            <p:cNvGrpSpPr/>
            <p:nvPr/>
          </p:nvGrpSpPr>
          <p:grpSpPr>
            <a:xfrm>
              <a:off x="146769" y="3406"/>
              <a:ext cx="316800" cy="1384535"/>
              <a:chOff x="146769" y="3406"/>
              <a:chExt cx="316800" cy="1384535"/>
            </a:xfrm>
          </p:grpSpPr>
          <p:sp>
            <p:nvSpPr>
              <p:cNvPr id="69" name="Google Shape;69;p29"/>
              <p:cNvSpPr/>
              <p:nvPr/>
            </p:nvSpPr>
            <p:spPr>
              <a:xfrm rot="10800000">
                <a:off x="146769" y="3419"/>
                <a:ext cx="316800" cy="688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70" name="Google Shape;70;p29"/>
              <p:cNvSpPr/>
              <p:nvPr/>
            </p:nvSpPr>
            <p:spPr>
              <a:xfrm rot="10800000">
                <a:off x="146769" y="3441"/>
                <a:ext cx="316800" cy="1384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71" name="Google Shape;71;p29"/>
              <p:cNvSpPr/>
              <p:nvPr/>
            </p:nvSpPr>
            <p:spPr>
              <a:xfrm rot="10800000">
                <a:off x="146769" y="3430"/>
                <a:ext cx="316800" cy="1036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72" name="Google Shape;72;p29"/>
              <p:cNvSpPr/>
              <p:nvPr/>
            </p:nvSpPr>
            <p:spPr>
              <a:xfrm rot="10800000">
                <a:off x="146769" y="3406"/>
                <a:ext cx="316800" cy="340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  <p:grpSp>
        <p:nvGrpSpPr>
          <p:cNvPr id="73" name="Google Shape;73;p29"/>
          <p:cNvGrpSpPr/>
          <p:nvPr/>
        </p:nvGrpSpPr>
        <p:grpSpPr>
          <a:xfrm>
            <a:off x="6775084" y="2904008"/>
            <a:ext cx="2186147" cy="2239500"/>
            <a:chOff x="6775084" y="2904008"/>
            <a:chExt cx="2186147" cy="2239500"/>
          </a:xfrm>
        </p:grpSpPr>
        <p:grpSp>
          <p:nvGrpSpPr>
            <p:cNvPr id="74" name="Google Shape;74;p29"/>
            <p:cNvGrpSpPr/>
            <p:nvPr/>
          </p:nvGrpSpPr>
          <p:grpSpPr>
            <a:xfrm>
              <a:off x="6775084" y="4253708"/>
              <a:ext cx="409500" cy="889800"/>
              <a:chOff x="6775084" y="4253708"/>
              <a:chExt cx="409500" cy="889800"/>
            </a:xfrm>
          </p:grpSpPr>
          <p:sp>
            <p:nvSpPr>
              <p:cNvPr id="75" name="Google Shape;75;p29"/>
              <p:cNvSpPr/>
              <p:nvPr/>
            </p:nvSpPr>
            <p:spPr>
              <a:xfrm>
                <a:off x="6775084" y="4253708"/>
                <a:ext cx="409500" cy="8898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76" name="Google Shape;76;p29"/>
              <p:cNvSpPr/>
              <p:nvPr/>
            </p:nvSpPr>
            <p:spPr>
              <a:xfrm>
                <a:off x="6775084" y="4703408"/>
                <a:ext cx="409500" cy="4401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77" name="Google Shape;77;p29"/>
            <p:cNvGrpSpPr/>
            <p:nvPr/>
          </p:nvGrpSpPr>
          <p:grpSpPr>
            <a:xfrm>
              <a:off x="7367299" y="3804008"/>
              <a:ext cx="409500" cy="1339500"/>
              <a:chOff x="7367299" y="3804008"/>
              <a:chExt cx="409500" cy="1339500"/>
            </a:xfrm>
          </p:grpSpPr>
          <p:sp>
            <p:nvSpPr>
              <p:cNvPr id="78" name="Google Shape;78;p29"/>
              <p:cNvSpPr/>
              <p:nvPr/>
            </p:nvSpPr>
            <p:spPr>
              <a:xfrm>
                <a:off x="7367299" y="4253708"/>
                <a:ext cx="409500" cy="8898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79" name="Google Shape;79;p29"/>
              <p:cNvSpPr/>
              <p:nvPr/>
            </p:nvSpPr>
            <p:spPr>
              <a:xfrm>
                <a:off x="7367299" y="3804008"/>
                <a:ext cx="409500" cy="1339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80" name="Google Shape;80;p29"/>
              <p:cNvSpPr/>
              <p:nvPr/>
            </p:nvSpPr>
            <p:spPr>
              <a:xfrm>
                <a:off x="7367299" y="4703408"/>
                <a:ext cx="409500" cy="4401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81" name="Google Shape;81;p29"/>
            <p:cNvGrpSpPr/>
            <p:nvPr/>
          </p:nvGrpSpPr>
          <p:grpSpPr>
            <a:xfrm>
              <a:off x="7959516" y="3354008"/>
              <a:ext cx="409500" cy="1789500"/>
              <a:chOff x="7959516" y="3354008"/>
              <a:chExt cx="409500" cy="1789500"/>
            </a:xfrm>
          </p:grpSpPr>
          <p:sp>
            <p:nvSpPr>
              <p:cNvPr id="82" name="Google Shape;82;p29"/>
              <p:cNvSpPr/>
              <p:nvPr/>
            </p:nvSpPr>
            <p:spPr>
              <a:xfrm>
                <a:off x="7959516" y="4253708"/>
                <a:ext cx="409500" cy="8898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83" name="Google Shape;83;p29"/>
              <p:cNvSpPr/>
              <p:nvPr/>
            </p:nvSpPr>
            <p:spPr>
              <a:xfrm>
                <a:off x="7959516" y="3354008"/>
                <a:ext cx="409500" cy="1789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84" name="Google Shape;84;p29"/>
              <p:cNvSpPr/>
              <p:nvPr/>
            </p:nvSpPr>
            <p:spPr>
              <a:xfrm>
                <a:off x="7959516" y="3804008"/>
                <a:ext cx="409500" cy="1339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85" name="Google Shape;85;p29"/>
              <p:cNvSpPr/>
              <p:nvPr/>
            </p:nvSpPr>
            <p:spPr>
              <a:xfrm>
                <a:off x="7959516" y="4703408"/>
                <a:ext cx="409500" cy="4401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86" name="Google Shape;86;p29"/>
            <p:cNvGrpSpPr/>
            <p:nvPr/>
          </p:nvGrpSpPr>
          <p:grpSpPr>
            <a:xfrm>
              <a:off x="8551731" y="2904008"/>
              <a:ext cx="409500" cy="2239500"/>
              <a:chOff x="8551731" y="2904008"/>
              <a:chExt cx="409500" cy="2239500"/>
            </a:xfrm>
          </p:grpSpPr>
          <p:sp>
            <p:nvSpPr>
              <p:cNvPr id="87" name="Google Shape;87;p29"/>
              <p:cNvSpPr/>
              <p:nvPr/>
            </p:nvSpPr>
            <p:spPr>
              <a:xfrm>
                <a:off x="8551731" y="4253708"/>
                <a:ext cx="409500" cy="8898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88" name="Google Shape;88;p29"/>
              <p:cNvSpPr/>
              <p:nvPr/>
            </p:nvSpPr>
            <p:spPr>
              <a:xfrm>
                <a:off x="8551731" y="3354008"/>
                <a:ext cx="409500" cy="1789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89" name="Google Shape;89;p29"/>
              <p:cNvSpPr/>
              <p:nvPr/>
            </p:nvSpPr>
            <p:spPr>
              <a:xfrm>
                <a:off x="8551731" y="3804008"/>
                <a:ext cx="409500" cy="1339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0" name="Google Shape;90;p29"/>
              <p:cNvSpPr/>
              <p:nvPr/>
            </p:nvSpPr>
            <p:spPr>
              <a:xfrm>
                <a:off x="8551731" y="2904008"/>
                <a:ext cx="409500" cy="22395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1" name="Google Shape;91;p29"/>
              <p:cNvSpPr/>
              <p:nvPr/>
            </p:nvSpPr>
            <p:spPr>
              <a:xfrm>
                <a:off x="8551731" y="4703408"/>
                <a:ext cx="409500" cy="4401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  <p:sp>
        <p:nvSpPr>
          <p:cNvPr id="92" name="Google Shape;92;p29"/>
          <p:cNvSpPr txBox="1">
            <a:spLocks noGrp="1"/>
          </p:cNvSpPr>
          <p:nvPr>
            <p:ph type="title"/>
          </p:nvPr>
        </p:nvSpPr>
        <p:spPr>
          <a:xfrm>
            <a:off x="824000" y="1613825"/>
            <a:ext cx="5857800" cy="1872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600"/>
              <a:buNone/>
              <a:defRPr sz="3600">
                <a:solidFill>
                  <a:schemeClr val="lt1"/>
                </a:solidFill>
              </a:defRPr>
            </a:lvl9pPr>
          </a:lstStyle>
          <a:p>
            <a:endParaRPr/>
          </a:p>
        </p:txBody>
      </p:sp>
      <p:sp>
        <p:nvSpPr>
          <p:cNvPr id="93" name="Google Shape;93;p29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Google Shape;95;p33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 1">
  <p:cSld name="BLANK_1">
    <p:spTree>
      <p:nvGrpSpPr>
        <p:cNvPr id="1" name="Shape 9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" name="Google Shape;97;g1332e3d512a_0_123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  <p:pic>
        <p:nvPicPr>
          <p:cNvPr id="98" name="Google Shape;98;g1332e3d512a_0_123"/>
          <p:cNvPicPr preferRelativeResize="0"/>
          <p:nvPr/>
        </p:nvPicPr>
        <p:blipFill>
          <a:blip r:embed="rId2">
            <a:alphaModFix/>
          </a:blip>
          <a:stretch>
            <a:fillRect/>
          </a:stretch>
        </p:blipFill>
        <p:spPr>
          <a:xfrm>
            <a:off x="47700" y="4437650"/>
            <a:ext cx="1889301" cy="62242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ullet Left">
  <p:cSld name="Bullet Left">
    <p:spTree>
      <p:nvGrpSpPr>
        <p:cNvPr id="1" name="Shape 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" name="Google Shape;100;p31"/>
          <p:cNvSpPr txBox="1">
            <a:spLocks noGrp="1"/>
          </p:cNvSpPr>
          <p:nvPr>
            <p:ph type="title"/>
          </p:nvPr>
        </p:nvSpPr>
        <p:spPr>
          <a:xfrm>
            <a:off x="346606" y="273844"/>
            <a:ext cx="8458200" cy="8229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101" name="Google Shape;101;p31"/>
          <p:cNvSpPr txBox="1">
            <a:spLocks noGrp="1"/>
          </p:cNvSpPr>
          <p:nvPr>
            <p:ph type="body" idx="1"/>
          </p:nvPr>
        </p:nvSpPr>
        <p:spPr>
          <a:xfrm>
            <a:off x="346606" y="1318220"/>
            <a:ext cx="4114800" cy="329184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3111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Char char="●"/>
              <a:defRPr/>
            </a:lvl1pPr>
            <a:lvl2pPr marL="914400" lvl="1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2pPr>
            <a:lvl3pPr marL="1371600" lvl="2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3pPr>
            <a:lvl4pPr marL="1828800" lvl="3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4pPr>
            <a:lvl5pPr marL="2286000" lvl="4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5pPr>
            <a:lvl6pPr marL="2743200" lvl="5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6pPr>
            <a:lvl7pPr marL="3200400" lvl="6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7pPr>
            <a:lvl8pPr marL="3657600" lvl="7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8pPr>
            <a:lvl9pPr marL="4114800" lvl="8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Half Page Bullet and Right Photo">
  <p:cSld name="Half Page Bullet and Right Photo">
    <p:spTree>
      <p:nvGrpSpPr>
        <p:cNvPr id="1" name="Shape 10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Google Shape;103;p32"/>
          <p:cNvSpPr txBox="1">
            <a:spLocks noGrp="1"/>
          </p:cNvSpPr>
          <p:nvPr>
            <p:ph type="title"/>
          </p:nvPr>
        </p:nvSpPr>
        <p:spPr>
          <a:xfrm>
            <a:off x="346606" y="273844"/>
            <a:ext cx="4023360" cy="8229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104" name="Google Shape;104;p32"/>
          <p:cNvSpPr txBox="1">
            <a:spLocks noGrp="1"/>
          </p:cNvSpPr>
          <p:nvPr>
            <p:ph type="body" idx="1"/>
          </p:nvPr>
        </p:nvSpPr>
        <p:spPr>
          <a:xfrm>
            <a:off x="346606" y="1318220"/>
            <a:ext cx="4023360" cy="329184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3111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300"/>
              <a:buChar char="●"/>
              <a:defRPr/>
            </a:lvl1pPr>
            <a:lvl2pPr marL="914400" lvl="1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2pPr>
            <a:lvl3pPr marL="1371600" lvl="2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3pPr>
            <a:lvl4pPr marL="1828800" lvl="3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4pPr>
            <a:lvl5pPr marL="2286000" lvl="4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5pPr>
            <a:lvl6pPr marL="2743200" lvl="5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6pPr>
            <a:lvl7pPr marL="3200400" lvl="6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●"/>
              <a:defRPr/>
            </a:lvl7pPr>
            <a:lvl8pPr marL="3657600" lvl="7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○"/>
              <a:defRPr/>
            </a:lvl8pPr>
            <a:lvl9pPr marL="4114800" lvl="8" indent="-298450" algn="l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SzPts val="1100"/>
              <a:buChar char="■"/>
              <a:defRPr/>
            </a:lvl9pPr>
          </a:lstStyle>
          <a:p>
            <a:endParaRPr/>
          </a:p>
        </p:txBody>
      </p:sp>
      <p:sp>
        <p:nvSpPr>
          <p:cNvPr id="105" name="Google Shape;105;p32"/>
          <p:cNvSpPr>
            <a:spLocks noGrp="1"/>
          </p:cNvSpPr>
          <p:nvPr>
            <p:ph type="pic" idx="2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noFill/>
          <a:ln>
            <a:noFill/>
          </a:ln>
        </p:spPr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ig number">
  <p:cSld name="BIG_NUMBER">
    <p:bg>
      <p:bgPr>
        <a:solidFill>
          <a:schemeClr val="accent3"/>
        </a:solidFill>
        <a:effectLst/>
      </p:bgPr>
    </p:bg>
    <p:spTree>
      <p:nvGrpSpPr>
        <p:cNvPr id="1" name="Shape 10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7" name="Google Shape;107;p34"/>
          <p:cNvGrpSpPr/>
          <p:nvPr/>
        </p:nvGrpSpPr>
        <p:grpSpPr>
          <a:xfrm>
            <a:off x="52" y="4099200"/>
            <a:ext cx="9144036" cy="1044300"/>
            <a:chOff x="52" y="4099200"/>
            <a:chExt cx="9144036" cy="1044300"/>
          </a:xfrm>
        </p:grpSpPr>
        <p:grpSp>
          <p:nvGrpSpPr>
            <p:cNvPr id="108" name="Google Shape;108;p34"/>
            <p:cNvGrpSpPr/>
            <p:nvPr/>
          </p:nvGrpSpPr>
          <p:grpSpPr>
            <a:xfrm>
              <a:off x="52" y="4309200"/>
              <a:ext cx="231622" cy="834300"/>
              <a:chOff x="2688737" y="4301380"/>
              <a:chExt cx="231900" cy="834300"/>
            </a:xfrm>
          </p:grpSpPr>
          <p:sp>
            <p:nvSpPr>
              <p:cNvPr id="109" name="Google Shape;109;p34"/>
              <p:cNvSpPr/>
              <p:nvPr/>
            </p:nvSpPr>
            <p:spPr>
              <a:xfrm flipH="1">
                <a:off x="2688737" y="4720780"/>
                <a:ext cx="2319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10" name="Google Shape;110;p34"/>
              <p:cNvSpPr/>
              <p:nvPr/>
            </p:nvSpPr>
            <p:spPr>
              <a:xfrm flipH="1">
                <a:off x="2688737" y="4301380"/>
                <a:ext cx="2319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11" name="Google Shape;111;p34"/>
              <p:cNvSpPr/>
              <p:nvPr/>
            </p:nvSpPr>
            <p:spPr>
              <a:xfrm flipH="1">
                <a:off x="2688737" y="4511080"/>
                <a:ext cx="2319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12" name="Google Shape;112;p34"/>
              <p:cNvSpPr/>
              <p:nvPr/>
            </p:nvSpPr>
            <p:spPr>
              <a:xfrm flipH="1">
                <a:off x="2688737" y="4930480"/>
                <a:ext cx="2319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13" name="Google Shape;113;p34"/>
            <p:cNvGrpSpPr/>
            <p:nvPr/>
          </p:nvGrpSpPr>
          <p:grpSpPr>
            <a:xfrm>
              <a:off x="371406" y="4099200"/>
              <a:ext cx="231622" cy="1044300"/>
              <a:chOff x="2688737" y="4091380"/>
              <a:chExt cx="231900" cy="1044300"/>
            </a:xfrm>
          </p:grpSpPr>
          <p:sp>
            <p:nvSpPr>
              <p:cNvPr id="114" name="Google Shape;114;p34"/>
              <p:cNvSpPr/>
              <p:nvPr/>
            </p:nvSpPr>
            <p:spPr>
              <a:xfrm flipH="1">
                <a:off x="2688737" y="4720780"/>
                <a:ext cx="2319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15" name="Google Shape;115;p34"/>
              <p:cNvSpPr/>
              <p:nvPr/>
            </p:nvSpPr>
            <p:spPr>
              <a:xfrm flipH="1">
                <a:off x="2688737" y="4301380"/>
                <a:ext cx="2319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16" name="Google Shape;116;p34"/>
              <p:cNvSpPr/>
              <p:nvPr/>
            </p:nvSpPr>
            <p:spPr>
              <a:xfrm flipH="1">
                <a:off x="2688737" y="4511080"/>
                <a:ext cx="2319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17" name="Google Shape;117;p34"/>
              <p:cNvSpPr/>
              <p:nvPr/>
            </p:nvSpPr>
            <p:spPr>
              <a:xfrm flipH="1">
                <a:off x="2688737" y="4091380"/>
                <a:ext cx="231900" cy="104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18" name="Google Shape;118;p34"/>
              <p:cNvSpPr/>
              <p:nvPr/>
            </p:nvSpPr>
            <p:spPr>
              <a:xfrm flipH="1">
                <a:off x="2688737" y="4930480"/>
                <a:ext cx="2319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19" name="Google Shape;119;p34"/>
            <p:cNvGrpSpPr/>
            <p:nvPr/>
          </p:nvGrpSpPr>
          <p:grpSpPr>
            <a:xfrm>
              <a:off x="742761" y="4309200"/>
              <a:ext cx="231622" cy="834300"/>
              <a:chOff x="2688737" y="4301380"/>
              <a:chExt cx="231900" cy="834300"/>
            </a:xfrm>
          </p:grpSpPr>
          <p:sp>
            <p:nvSpPr>
              <p:cNvPr id="120" name="Google Shape;120;p34"/>
              <p:cNvSpPr/>
              <p:nvPr/>
            </p:nvSpPr>
            <p:spPr>
              <a:xfrm flipH="1">
                <a:off x="2688737" y="4720780"/>
                <a:ext cx="2319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1" name="Google Shape;121;p34"/>
              <p:cNvSpPr/>
              <p:nvPr/>
            </p:nvSpPr>
            <p:spPr>
              <a:xfrm flipH="1">
                <a:off x="2688737" y="4301380"/>
                <a:ext cx="2319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2" name="Google Shape;122;p34"/>
              <p:cNvSpPr/>
              <p:nvPr/>
            </p:nvSpPr>
            <p:spPr>
              <a:xfrm flipH="1">
                <a:off x="2688737" y="4511080"/>
                <a:ext cx="2319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3" name="Google Shape;123;p34"/>
              <p:cNvSpPr/>
              <p:nvPr/>
            </p:nvSpPr>
            <p:spPr>
              <a:xfrm flipH="1">
                <a:off x="2688737" y="4930480"/>
                <a:ext cx="2319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24" name="Google Shape;124;p34"/>
            <p:cNvGrpSpPr/>
            <p:nvPr/>
          </p:nvGrpSpPr>
          <p:grpSpPr>
            <a:xfrm>
              <a:off x="1114115" y="4518900"/>
              <a:ext cx="231622" cy="624600"/>
              <a:chOff x="2688737" y="4511080"/>
              <a:chExt cx="231900" cy="624600"/>
            </a:xfrm>
          </p:grpSpPr>
          <p:sp>
            <p:nvSpPr>
              <p:cNvPr id="125" name="Google Shape;125;p34"/>
              <p:cNvSpPr/>
              <p:nvPr/>
            </p:nvSpPr>
            <p:spPr>
              <a:xfrm flipH="1">
                <a:off x="2688737" y="4720780"/>
                <a:ext cx="2319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6" name="Google Shape;126;p34"/>
              <p:cNvSpPr/>
              <p:nvPr/>
            </p:nvSpPr>
            <p:spPr>
              <a:xfrm flipH="1">
                <a:off x="2688737" y="4511080"/>
                <a:ext cx="2319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7" name="Google Shape;127;p34"/>
              <p:cNvSpPr/>
              <p:nvPr/>
            </p:nvSpPr>
            <p:spPr>
              <a:xfrm flipH="1">
                <a:off x="2688737" y="4930480"/>
                <a:ext cx="2319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28" name="Google Shape;128;p34"/>
            <p:cNvGrpSpPr/>
            <p:nvPr/>
          </p:nvGrpSpPr>
          <p:grpSpPr>
            <a:xfrm>
              <a:off x="1856753" y="4099200"/>
              <a:ext cx="231600" cy="1044300"/>
              <a:chOff x="1856753" y="4099200"/>
              <a:chExt cx="231600" cy="1044300"/>
            </a:xfrm>
          </p:grpSpPr>
          <p:sp>
            <p:nvSpPr>
              <p:cNvPr id="129" name="Google Shape;129;p34"/>
              <p:cNvSpPr/>
              <p:nvPr/>
            </p:nvSpPr>
            <p:spPr>
              <a:xfrm flipH="1">
                <a:off x="1856753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0" name="Google Shape;130;p34"/>
              <p:cNvSpPr/>
              <p:nvPr/>
            </p:nvSpPr>
            <p:spPr>
              <a:xfrm flipH="1">
                <a:off x="1856753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1" name="Google Shape;131;p34"/>
              <p:cNvSpPr/>
              <p:nvPr/>
            </p:nvSpPr>
            <p:spPr>
              <a:xfrm flipH="1">
                <a:off x="1856753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2" name="Google Shape;132;p34"/>
              <p:cNvSpPr/>
              <p:nvPr/>
            </p:nvSpPr>
            <p:spPr>
              <a:xfrm flipH="1">
                <a:off x="1856753" y="4099200"/>
                <a:ext cx="231600" cy="104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3" name="Google Shape;133;p34"/>
              <p:cNvSpPr/>
              <p:nvPr/>
            </p:nvSpPr>
            <p:spPr>
              <a:xfrm flipH="1">
                <a:off x="1856753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34" name="Google Shape;134;p34"/>
            <p:cNvGrpSpPr/>
            <p:nvPr/>
          </p:nvGrpSpPr>
          <p:grpSpPr>
            <a:xfrm>
              <a:off x="2228107" y="4309200"/>
              <a:ext cx="231600" cy="834300"/>
              <a:chOff x="2228107" y="4309200"/>
              <a:chExt cx="231600" cy="834300"/>
            </a:xfrm>
          </p:grpSpPr>
          <p:sp>
            <p:nvSpPr>
              <p:cNvPr id="135" name="Google Shape;135;p34"/>
              <p:cNvSpPr/>
              <p:nvPr/>
            </p:nvSpPr>
            <p:spPr>
              <a:xfrm flipH="1">
                <a:off x="2228107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6" name="Google Shape;136;p34"/>
              <p:cNvSpPr/>
              <p:nvPr/>
            </p:nvSpPr>
            <p:spPr>
              <a:xfrm flipH="1">
                <a:off x="2228107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7" name="Google Shape;137;p34"/>
              <p:cNvSpPr/>
              <p:nvPr/>
            </p:nvSpPr>
            <p:spPr>
              <a:xfrm flipH="1">
                <a:off x="2228107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8" name="Google Shape;138;p34"/>
              <p:cNvSpPr/>
              <p:nvPr/>
            </p:nvSpPr>
            <p:spPr>
              <a:xfrm flipH="1">
                <a:off x="2228107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39" name="Google Shape;139;p34"/>
            <p:cNvGrpSpPr/>
            <p:nvPr/>
          </p:nvGrpSpPr>
          <p:grpSpPr>
            <a:xfrm>
              <a:off x="2599462" y="4518900"/>
              <a:ext cx="231600" cy="624600"/>
              <a:chOff x="2599462" y="4518900"/>
              <a:chExt cx="231600" cy="624600"/>
            </a:xfrm>
          </p:grpSpPr>
          <p:sp>
            <p:nvSpPr>
              <p:cNvPr id="140" name="Google Shape;140;p34"/>
              <p:cNvSpPr/>
              <p:nvPr/>
            </p:nvSpPr>
            <p:spPr>
              <a:xfrm flipH="1">
                <a:off x="2599462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41" name="Google Shape;141;p34"/>
              <p:cNvSpPr/>
              <p:nvPr/>
            </p:nvSpPr>
            <p:spPr>
              <a:xfrm flipH="1">
                <a:off x="2599462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42" name="Google Shape;142;p34"/>
              <p:cNvSpPr/>
              <p:nvPr/>
            </p:nvSpPr>
            <p:spPr>
              <a:xfrm flipH="1">
                <a:off x="2599462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43" name="Google Shape;143;p34"/>
            <p:cNvGrpSpPr/>
            <p:nvPr/>
          </p:nvGrpSpPr>
          <p:grpSpPr>
            <a:xfrm>
              <a:off x="3342171" y="4099200"/>
              <a:ext cx="231600" cy="1044300"/>
              <a:chOff x="3342171" y="4099200"/>
              <a:chExt cx="231600" cy="1044300"/>
            </a:xfrm>
          </p:grpSpPr>
          <p:sp>
            <p:nvSpPr>
              <p:cNvPr id="144" name="Google Shape;144;p34"/>
              <p:cNvSpPr/>
              <p:nvPr/>
            </p:nvSpPr>
            <p:spPr>
              <a:xfrm flipH="1">
                <a:off x="3342171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45" name="Google Shape;145;p34"/>
              <p:cNvSpPr/>
              <p:nvPr/>
            </p:nvSpPr>
            <p:spPr>
              <a:xfrm flipH="1">
                <a:off x="3342171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46" name="Google Shape;146;p34"/>
              <p:cNvSpPr/>
              <p:nvPr/>
            </p:nvSpPr>
            <p:spPr>
              <a:xfrm flipH="1">
                <a:off x="3342171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47" name="Google Shape;147;p34"/>
              <p:cNvSpPr/>
              <p:nvPr/>
            </p:nvSpPr>
            <p:spPr>
              <a:xfrm flipH="1">
                <a:off x="3342171" y="4099200"/>
                <a:ext cx="231600" cy="104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48" name="Google Shape;148;p34"/>
              <p:cNvSpPr/>
              <p:nvPr/>
            </p:nvSpPr>
            <p:spPr>
              <a:xfrm flipH="1">
                <a:off x="3342171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49" name="Google Shape;149;p34"/>
            <p:cNvGrpSpPr/>
            <p:nvPr/>
          </p:nvGrpSpPr>
          <p:grpSpPr>
            <a:xfrm>
              <a:off x="3713525" y="4309200"/>
              <a:ext cx="231600" cy="834300"/>
              <a:chOff x="3713525" y="4309200"/>
              <a:chExt cx="231600" cy="834300"/>
            </a:xfrm>
          </p:grpSpPr>
          <p:sp>
            <p:nvSpPr>
              <p:cNvPr id="150" name="Google Shape;150;p34"/>
              <p:cNvSpPr/>
              <p:nvPr/>
            </p:nvSpPr>
            <p:spPr>
              <a:xfrm flipH="1">
                <a:off x="3713525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1" name="Google Shape;151;p34"/>
              <p:cNvSpPr/>
              <p:nvPr/>
            </p:nvSpPr>
            <p:spPr>
              <a:xfrm flipH="1">
                <a:off x="3713525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2" name="Google Shape;152;p34"/>
              <p:cNvSpPr/>
              <p:nvPr/>
            </p:nvSpPr>
            <p:spPr>
              <a:xfrm flipH="1">
                <a:off x="3713525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3" name="Google Shape;153;p34"/>
              <p:cNvSpPr/>
              <p:nvPr/>
            </p:nvSpPr>
            <p:spPr>
              <a:xfrm flipH="1">
                <a:off x="3713525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54" name="Google Shape;154;p34"/>
            <p:cNvGrpSpPr/>
            <p:nvPr/>
          </p:nvGrpSpPr>
          <p:grpSpPr>
            <a:xfrm>
              <a:off x="1485398" y="4309200"/>
              <a:ext cx="231600" cy="834300"/>
              <a:chOff x="1485398" y="4309200"/>
              <a:chExt cx="231600" cy="834300"/>
            </a:xfrm>
          </p:grpSpPr>
          <p:sp>
            <p:nvSpPr>
              <p:cNvPr id="155" name="Google Shape;155;p34"/>
              <p:cNvSpPr/>
              <p:nvPr/>
            </p:nvSpPr>
            <p:spPr>
              <a:xfrm flipH="1">
                <a:off x="1485398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6" name="Google Shape;156;p34"/>
              <p:cNvSpPr/>
              <p:nvPr/>
            </p:nvSpPr>
            <p:spPr>
              <a:xfrm flipH="1">
                <a:off x="1485398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7" name="Google Shape;157;p34"/>
              <p:cNvSpPr/>
              <p:nvPr/>
            </p:nvSpPr>
            <p:spPr>
              <a:xfrm flipH="1">
                <a:off x="1485398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8" name="Google Shape;158;p34"/>
              <p:cNvSpPr/>
              <p:nvPr/>
            </p:nvSpPr>
            <p:spPr>
              <a:xfrm flipH="1">
                <a:off x="1485398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59" name="Google Shape;159;p34"/>
            <p:cNvGrpSpPr/>
            <p:nvPr/>
          </p:nvGrpSpPr>
          <p:grpSpPr>
            <a:xfrm>
              <a:off x="4084879" y="4518900"/>
              <a:ext cx="231600" cy="624600"/>
              <a:chOff x="4084879" y="4518900"/>
              <a:chExt cx="231600" cy="624600"/>
            </a:xfrm>
          </p:grpSpPr>
          <p:sp>
            <p:nvSpPr>
              <p:cNvPr id="160" name="Google Shape;160;p34"/>
              <p:cNvSpPr/>
              <p:nvPr/>
            </p:nvSpPr>
            <p:spPr>
              <a:xfrm flipH="1">
                <a:off x="4084879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61" name="Google Shape;161;p34"/>
              <p:cNvSpPr/>
              <p:nvPr/>
            </p:nvSpPr>
            <p:spPr>
              <a:xfrm flipH="1">
                <a:off x="4084879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62" name="Google Shape;162;p34"/>
              <p:cNvSpPr/>
              <p:nvPr/>
            </p:nvSpPr>
            <p:spPr>
              <a:xfrm flipH="1">
                <a:off x="4084879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63" name="Google Shape;163;p34"/>
            <p:cNvGrpSpPr/>
            <p:nvPr/>
          </p:nvGrpSpPr>
          <p:grpSpPr>
            <a:xfrm>
              <a:off x="2970816" y="4309200"/>
              <a:ext cx="231600" cy="834300"/>
              <a:chOff x="2970816" y="4309200"/>
              <a:chExt cx="231600" cy="834300"/>
            </a:xfrm>
          </p:grpSpPr>
          <p:sp>
            <p:nvSpPr>
              <p:cNvPr id="164" name="Google Shape;164;p34"/>
              <p:cNvSpPr/>
              <p:nvPr/>
            </p:nvSpPr>
            <p:spPr>
              <a:xfrm flipH="1">
                <a:off x="2970816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65" name="Google Shape;165;p34"/>
              <p:cNvSpPr/>
              <p:nvPr/>
            </p:nvSpPr>
            <p:spPr>
              <a:xfrm flipH="1">
                <a:off x="2970816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66" name="Google Shape;166;p34"/>
              <p:cNvSpPr/>
              <p:nvPr/>
            </p:nvSpPr>
            <p:spPr>
              <a:xfrm flipH="1">
                <a:off x="2970816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67" name="Google Shape;167;p34"/>
              <p:cNvSpPr/>
              <p:nvPr/>
            </p:nvSpPr>
            <p:spPr>
              <a:xfrm flipH="1">
                <a:off x="2970816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68" name="Google Shape;168;p34"/>
            <p:cNvGrpSpPr/>
            <p:nvPr/>
          </p:nvGrpSpPr>
          <p:grpSpPr>
            <a:xfrm>
              <a:off x="4456234" y="4309200"/>
              <a:ext cx="231600" cy="834300"/>
              <a:chOff x="4456234" y="4309200"/>
              <a:chExt cx="231600" cy="834300"/>
            </a:xfrm>
          </p:grpSpPr>
          <p:sp>
            <p:nvSpPr>
              <p:cNvPr id="169" name="Google Shape;169;p34"/>
              <p:cNvSpPr/>
              <p:nvPr/>
            </p:nvSpPr>
            <p:spPr>
              <a:xfrm flipH="1">
                <a:off x="4456234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70" name="Google Shape;170;p34"/>
              <p:cNvSpPr/>
              <p:nvPr/>
            </p:nvSpPr>
            <p:spPr>
              <a:xfrm flipH="1">
                <a:off x="4456234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71" name="Google Shape;171;p34"/>
              <p:cNvSpPr/>
              <p:nvPr/>
            </p:nvSpPr>
            <p:spPr>
              <a:xfrm flipH="1">
                <a:off x="4456234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72" name="Google Shape;172;p34"/>
              <p:cNvSpPr/>
              <p:nvPr/>
            </p:nvSpPr>
            <p:spPr>
              <a:xfrm flipH="1">
                <a:off x="4456234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73" name="Google Shape;173;p34"/>
            <p:cNvGrpSpPr/>
            <p:nvPr/>
          </p:nvGrpSpPr>
          <p:grpSpPr>
            <a:xfrm>
              <a:off x="4827588" y="4099200"/>
              <a:ext cx="231600" cy="1044300"/>
              <a:chOff x="4827588" y="4099200"/>
              <a:chExt cx="231600" cy="1044300"/>
            </a:xfrm>
          </p:grpSpPr>
          <p:sp>
            <p:nvSpPr>
              <p:cNvPr id="174" name="Google Shape;174;p34"/>
              <p:cNvSpPr/>
              <p:nvPr/>
            </p:nvSpPr>
            <p:spPr>
              <a:xfrm flipH="1">
                <a:off x="4827588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75" name="Google Shape;175;p34"/>
              <p:cNvSpPr/>
              <p:nvPr/>
            </p:nvSpPr>
            <p:spPr>
              <a:xfrm flipH="1">
                <a:off x="4827588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76" name="Google Shape;176;p34"/>
              <p:cNvSpPr/>
              <p:nvPr/>
            </p:nvSpPr>
            <p:spPr>
              <a:xfrm flipH="1">
                <a:off x="4827588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77" name="Google Shape;177;p34"/>
              <p:cNvSpPr/>
              <p:nvPr/>
            </p:nvSpPr>
            <p:spPr>
              <a:xfrm flipH="1">
                <a:off x="4827588" y="4099200"/>
                <a:ext cx="231600" cy="104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78" name="Google Shape;178;p34"/>
              <p:cNvSpPr/>
              <p:nvPr/>
            </p:nvSpPr>
            <p:spPr>
              <a:xfrm flipH="1">
                <a:off x="4827588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79" name="Google Shape;179;p34"/>
            <p:cNvGrpSpPr/>
            <p:nvPr/>
          </p:nvGrpSpPr>
          <p:grpSpPr>
            <a:xfrm>
              <a:off x="5198943" y="4309200"/>
              <a:ext cx="231600" cy="834300"/>
              <a:chOff x="5198943" y="4309200"/>
              <a:chExt cx="231600" cy="834300"/>
            </a:xfrm>
          </p:grpSpPr>
          <p:sp>
            <p:nvSpPr>
              <p:cNvPr id="180" name="Google Shape;180;p34"/>
              <p:cNvSpPr/>
              <p:nvPr/>
            </p:nvSpPr>
            <p:spPr>
              <a:xfrm flipH="1">
                <a:off x="5198943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81" name="Google Shape;181;p34"/>
              <p:cNvSpPr/>
              <p:nvPr/>
            </p:nvSpPr>
            <p:spPr>
              <a:xfrm flipH="1">
                <a:off x="5198943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82" name="Google Shape;182;p34"/>
              <p:cNvSpPr/>
              <p:nvPr/>
            </p:nvSpPr>
            <p:spPr>
              <a:xfrm flipH="1">
                <a:off x="5198943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83" name="Google Shape;183;p34"/>
              <p:cNvSpPr/>
              <p:nvPr/>
            </p:nvSpPr>
            <p:spPr>
              <a:xfrm flipH="1">
                <a:off x="5198943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84" name="Google Shape;184;p34"/>
            <p:cNvGrpSpPr/>
            <p:nvPr/>
          </p:nvGrpSpPr>
          <p:grpSpPr>
            <a:xfrm>
              <a:off x="5570297" y="4518900"/>
              <a:ext cx="231600" cy="624600"/>
              <a:chOff x="5570297" y="4518900"/>
              <a:chExt cx="231600" cy="624600"/>
            </a:xfrm>
          </p:grpSpPr>
          <p:sp>
            <p:nvSpPr>
              <p:cNvPr id="185" name="Google Shape;185;p34"/>
              <p:cNvSpPr/>
              <p:nvPr/>
            </p:nvSpPr>
            <p:spPr>
              <a:xfrm flipH="1">
                <a:off x="5570297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86" name="Google Shape;186;p34"/>
              <p:cNvSpPr/>
              <p:nvPr/>
            </p:nvSpPr>
            <p:spPr>
              <a:xfrm flipH="1">
                <a:off x="5570297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87" name="Google Shape;187;p34"/>
              <p:cNvSpPr/>
              <p:nvPr/>
            </p:nvSpPr>
            <p:spPr>
              <a:xfrm flipH="1">
                <a:off x="5570297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88" name="Google Shape;188;p34"/>
            <p:cNvGrpSpPr/>
            <p:nvPr/>
          </p:nvGrpSpPr>
          <p:grpSpPr>
            <a:xfrm>
              <a:off x="5941652" y="4309200"/>
              <a:ext cx="231600" cy="834300"/>
              <a:chOff x="5941652" y="4309200"/>
              <a:chExt cx="231600" cy="834300"/>
            </a:xfrm>
          </p:grpSpPr>
          <p:sp>
            <p:nvSpPr>
              <p:cNvPr id="189" name="Google Shape;189;p34"/>
              <p:cNvSpPr/>
              <p:nvPr/>
            </p:nvSpPr>
            <p:spPr>
              <a:xfrm flipH="1">
                <a:off x="5941652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90" name="Google Shape;190;p34"/>
              <p:cNvSpPr/>
              <p:nvPr/>
            </p:nvSpPr>
            <p:spPr>
              <a:xfrm flipH="1">
                <a:off x="5941652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91" name="Google Shape;191;p34"/>
              <p:cNvSpPr/>
              <p:nvPr/>
            </p:nvSpPr>
            <p:spPr>
              <a:xfrm flipH="1">
                <a:off x="5941652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92" name="Google Shape;192;p34"/>
              <p:cNvSpPr/>
              <p:nvPr/>
            </p:nvSpPr>
            <p:spPr>
              <a:xfrm flipH="1">
                <a:off x="5941652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93" name="Google Shape;193;p34"/>
            <p:cNvGrpSpPr/>
            <p:nvPr/>
          </p:nvGrpSpPr>
          <p:grpSpPr>
            <a:xfrm>
              <a:off x="6313006" y="4099200"/>
              <a:ext cx="231600" cy="1044300"/>
              <a:chOff x="6313006" y="4099200"/>
              <a:chExt cx="231600" cy="1044300"/>
            </a:xfrm>
          </p:grpSpPr>
          <p:sp>
            <p:nvSpPr>
              <p:cNvPr id="194" name="Google Shape;194;p34"/>
              <p:cNvSpPr/>
              <p:nvPr/>
            </p:nvSpPr>
            <p:spPr>
              <a:xfrm flipH="1">
                <a:off x="6313006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95" name="Google Shape;195;p34"/>
              <p:cNvSpPr/>
              <p:nvPr/>
            </p:nvSpPr>
            <p:spPr>
              <a:xfrm flipH="1">
                <a:off x="6313006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96" name="Google Shape;196;p34"/>
              <p:cNvSpPr/>
              <p:nvPr/>
            </p:nvSpPr>
            <p:spPr>
              <a:xfrm flipH="1">
                <a:off x="6313006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97" name="Google Shape;197;p34"/>
              <p:cNvSpPr/>
              <p:nvPr/>
            </p:nvSpPr>
            <p:spPr>
              <a:xfrm flipH="1">
                <a:off x="6313006" y="4099200"/>
                <a:ext cx="231600" cy="104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98" name="Google Shape;198;p34"/>
              <p:cNvSpPr/>
              <p:nvPr/>
            </p:nvSpPr>
            <p:spPr>
              <a:xfrm flipH="1">
                <a:off x="6313006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99" name="Google Shape;199;p34"/>
            <p:cNvGrpSpPr/>
            <p:nvPr/>
          </p:nvGrpSpPr>
          <p:grpSpPr>
            <a:xfrm>
              <a:off x="6684361" y="4309200"/>
              <a:ext cx="231600" cy="834300"/>
              <a:chOff x="6684361" y="4309200"/>
              <a:chExt cx="231600" cy="834300"/>
            </a:xfrm>
          </p:grpSpPr>
          <p:sp>
            <p:nvSpPr>
              <p:cNvPr id="200" name="Google Shape;200;p34"/>
              <p:cNvSpPr/>
              <p:nvPr/>
            </p:nvSpPr>
            <p:spPr>
              <a:xfrm flipH="1">
                <a:off x="6684361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01" name="Google Shape;201;p34"/>
              <p:cNvSpPr/>
              <p:nvPr/>
            </p:nvSpPr>
            <p:spPr>
              <a:xfrm flipH="1">
                <a:off x="6684361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02" name="Google Shape;202;p34"/>
              <p:cNvSpPr/>
              <p:nvPr/>
            </p:nvSpPr>
            <p:spPr>
              <a:xfrm flipH="1">
                <a:off x="6684361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03" name="Google Shape;203;p34"/>
              <p:cNvSpPr/>
              <p:nvPr/>
            </p:nvSpPr>
            <p:spPr>
              <a:xfrm flipH="1">
                <a:off x="6684361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204" name="Google Shape;204;p34"/>
            <p:cNvGrpSpPr/>
            <p:nvPr/>
          </p:nvGrpSpPr>
          <p:grpSpPr>
            <a:xfrm>
              <a:off x="7055715" y="4518900"/>
              <a:ext cx="231600" cy="624600"/>
              <a:chOff x="7055715" y="4518900"/>
              <a:chExt cx="231600" cy="624600"/>
            </a:xfrm>
          </p:grpSpPr>
          <p:sp>
            <p:nvSpPr>
              <p:cNvPr id="205" name="Google Shape;205;p34"/>
              <p:cNvSpPr/>
              <p:nvPr/>
            </p:nvSpPr>
            <p:spPr>
              <a:xfrm flipH="1">
                <a:off x="7055715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06" name="Google Shape;206;p34"/>
              <p:cNvSpPr/>
              <p:nvPr/>
            </p:nvSpPr>
            <p:spPr>
              <a:xfrm flipH="1">
                <a:off x="7055715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07" name="Google Shape;207;p34"/>
              <p:cNvSpPr/>
              <p:nvPr/>
            </p:nvSpPr>
            <p:spPr>
              <a:xfrm flipH="1">
                <a:off x="7055715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208" name="Google Shape;208;p34"/>
            <p:cNvGrpSpPr/>
            <p:nvPr/>
          </p:nvGrpSpPr>
          <p:grpSpPr>
            <a:xfrm>
              <a:off x="7798424" y="4099200"/>
              <a:ext cx="231600" cy="1044300"/>
              <a:chOff x="7798424" y="4099200"/>
              <a:chExt cx="231600" cy="1044300"/>
            </a:xfrm>
          </p:grpSpPr>
          <p:sp>
            <p:nvSpPr>
              <p:cNvPr id="209" name="Google Shape;209;p34"/>
              <p:cNvSpPr/>
              <p:nvPr/>
            </p:nvSpPr>
            <p:spPr>
              <a:xfrm flipH="1">
                <a:off x="7798424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10" name="Google Shape;210;p34"/>
              <p:cNvSpPr/>
              <p:nvPr/>
            </p:nvSpPr>
            <p:spPr>
              <a:xfrm flipH="1">
                <a:off x="7798424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11" name="Google Shape;211;p34"/>
              <p:cNvSpPr/>
              <p:nvPr/>
            </p:nvSpPr>
            <p:spPr>
              <a:xfrm flipH="1">
                <a:off x="7798424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12" name="Google Shape;212;p34"/>
              <p:cNvSpPr/>
              <p:nvPr/>
            </p:nvSpPr>
            <p:spPr>
              <a:xfrm flipH="1">
                <a:off x="7798424" y="4099200"/>
                <a:ext cx="231600" cy="104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13" name="Google Shape;213;p34"/>
              <p:cNvSpPr/>
              <p:nvPr/>
            </p:nvSpPr>
            <p:spPr>
              <a:xfrm flipH="1">
                <a:off x="7798424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214" name="Google Shape;214;p34"/>
            <p:cNvGrpSpPr/>
            <p:nvPr/>
          </p:nvGrpSpPr>
          <p:grpSpPr>
            <a:xfrm>
              <a:off x="8169779" y="4309200"/>
              <a:ext cx="231600" cy="834300"/>
              <a:chOff x="8169779" y="4309200"/>
              <a:chExt cx="231600" cy="834300"/>
            </a:xfrm>
          </p:grpSpPr>
          <p:sp>
            <p:nvSpPr>
              <p:cNvPr id="215" name="Google Shape;215;p34"/>
              <p:cNvSpPr/>
              <p:nvPr/>
            </p:nvSpPr>
            <p:spPr>
              <a:xfrm flipH="1">
                <a:off x="8169779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16" name="Google Shape;216;p34"/>
              <p:cNvSpPr/>
              <p:nvPr/>
            </p:nvSpPr>
            <p:spPr>
              <a:xfrm flipH="1">
                <a:off x="8169779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17" name="Google Shape;217;p34"/>
              <p:cNvSpPr/>
              <p:nvPr/>
            </p:nvSpPr>
            <p:spPr>
              <a:xfrm flipH="1">
                <a:off x="8169779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18" name="Google Shape;218;p34"/>
              <p:cNvSpPr/>
              <p:nvPr/>
            </p:nvSpPr>
            <p:spPr>
              <a:xfrm flipH="1">
                <a:off x="8169779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219" name="Google Shape;219;p34"/>
            <p:cNvGrpSpPr/>
            <p:nvPr/>
          </p:nvGrpSpPr>
          <p:grpSpPr>
            <a:xfrm>
              <a:off x="7427070" y="4309200"/>
              <a:ext cx="231600" cy="834300"/>
              <a:chOff x="7427070" y="4309200"/>
              <a:chExt cx="231600" cy="834300"/>
            </a:xfrm>
          </p:grpSpPr>
          <p:sp>
            <p:nvSpPr>
              <p:cNvPr id="220" name="Google Shape;220;p34"/>
              <p:cNvSpPr/>
              <p:nvPr/>
            </p:nvSpPr>
            <p:spPr>
              <a:xfrm flipH="1">
                <a:off x="7427070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21" name="Google Shape;221;p34"/>
              <p:cNvSpPr/>
              <p:nvPr/>
            </p:nvSpPr>
            <p:spPr>
              <a:xfrm flipH="1">
                <a:off x="7427070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22" name="Google Shape;222;p34"/>
              <p:cNvSpPr/>
              <p:nvPr/>
            </p:nvSpPr>
            <p:spPr>
              <a:xfrm flipH="1">
                <a:off x="7427070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23" name="Google Shape;223;p34"/>
              <p:cNvSpPr/>
              <p:nvPr/>
            </p:nvSpPr>
            <p:spPr>
              <a:xfrm flipH="1">
                <a:off x="7427070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224" name="Google Shape;224;p34"/>
            <p:cNvGrpSpPr/>
            <p:nvPr/>
          </p:nvGrpSpPr>
          <p:grpSpPr>
            <a:xfrm>
              <a:off x="8541133" y="4518900"/>
              <a:ext cx="231600" cy="624600"/>
              <a:chOff x="8541133" y="4518900"/>
              <a:chExt cx="231600" cy="624600"/>
            </a:xfrm>
          </p:grpSpPr>
          <p:sp>
            <p:nvSpPr>
              <p:cNvPr id="225" name="Google Shape;225;p34"/>
              <p:cNvSpPr/>
              <p:nvPr/>
            </p:nvSpPr>
            <p:spPr>
              <a:xfrm flipH="1">
                <a:off x="8541133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26" name="Google Shape;226;p34"/>
              <p:cNvSpPr/>
              <p:nvPr/>
            </p:nvSpPr>
            <p:spPr>
              <a:xfrm flipH="1">
                <a:off x="8541133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27" name="Google Shape;227;p34"/>
              <p:cNvSpPr/>
              <p:nvPr/>
            </p:nvSpPr>
            <p:spPr>
              <a:xfrm flipH="1">
                <a:off x="8541133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228" name="Google Shape;228;p34"/>
            <p:cNvGrpSpPr/>
            <p:nvPr/>
          </p:nvGrpSpPr>
          <p:grpSpPr>
            <a:xfrm>
              <a:off x="8912488" y="4309200"/>
              <a:ext cx="231600" cy="834300"/>
              <a:chOff x="8912488" y="4309200"/>
              <a:chExt cx="231600" cy="834300"/>
            </a:xfrm>
          </p:grpSpPr>
          <p:sp>
            <p:nvSpPr>
              <p:cNvPr id="229" name="Google Shape;229;p34"/>
              <p:cNvSpPr/>
              <p:nvPr/>
            </p:nvSpPr>
            <p:spPr>
              <a:xfrm flipH="1">
                <a:off x="8912488" y="4728600"/>
                <a:ext cx="231600" cy="4149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30" name="Google Shape;230;p34"/>
              <p:cNvSpPr/>
              <p:nvPr/>
            </p:nvSpPr>
            <p:spPr>
              <a:xfrm flipH="1">
                <a:off x="8912488" y="4309200"/>
                <a:ext cx="231600" cy="8343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31" name="Google Shape;231;p34"/>
              <p:cNvSpPr/>
              <p:nvPr/>
            </p:nvSpPr>
            <p:spPr>
              <a:xfrm flipH="1">
                <a:off x="8912488" y="4518900"/>
                <a:ext cx="231600" cy="6246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232" name="Google Shape;232;p34"/>
              <p:cNvSpPr/>
              <p:nvPr/>
            </p:nvSpPr>
            <p:spPr>
              <a:xfrm flipH="1">
                <a:off x="8912488" y="4938300"/>
                <a:ext cx="231600" cy="205200"/>
              </a:xfrm>
              <a:prstGeom prst="round2SameRect">
                <a:avLst>
                  <a:gd name="adj1" fmla="val 50000"/>
                  <a:gd name="adj2" fmla="val 0"/>
                </a:avLst>
              </a:prstGeom>
              <a:solidFill>
                <a:schemeClr val="lt1">
                  <a:alpha val="8627"/>
                </a:schemeClr>
              </a:solidFill>
              <a:ln>
                <a:noFill/>
              </a:ln>
            </p:spPr>
            <p:txBody>
              <a:bodyPr spcFirstLastPara="1" wrap="square" lIns="91425" tIns="91425" rIns="91425" bIns="91425" anchor="ctr" anchorCtr="0">
                <a:noAutofit/>
              </a:bodyPr>
              <a:lstStyle/>
              <a:p>
                <a:pPr marL="0" marR="0" lvl="0" indent="0" algn="l" rtl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Pts val="1400"/>
                  <a:buFont typeface="Arial"/>
                  <a:buNone/>
                </a:pPr>
                <a:endPara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  <p:sp>
        <p:nvSpPr>
          <p:cNvPr id="233" name="Google Shape;233;p34"/>
          <p:cNvSpPr txBox="1">
            <a:spLocks noGrp="1"/>
          </p:cNvSpPr>
          <p:nvPr>
            <p:ph type="title" hasCustomPrompt="1"/>
          </p:nvPr>
        </p:nvSpPr>
        <p:spPr>
          <a:xfrm>
            <a:off x="1388625" y="772725"/>
            <a:ext cx="6366900" cy="1863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8000"/>
              <a:buNone/>
              <a:defRPr sz="8000">
                <a:solidFill>
                  <a:schemeClr val="lt1"/>
                </a:solidFill>
              </a:defRPr>
            </a:lvl1pPr>
            <a:lvl2pPr lvl="1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8000"/>
              <a:buNone/>
              <a:defRPr sz="8000">
                <a:solidFill>
                  <a:schemeClr val="lt1"/>
                </a:solidFill>
              </a:defRPr>
            </a:lvl2pPr>
            <a:lvl3pPr lvl="2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8000"/>
              <a:buNone/>
              <a:defRPr sz="8000">
                <a:solidFill>
                  <a:schemeClr val="lt1"/>
                </a:solidFill>
              </a:defRPr>
            </a:lvl3pPr>
            <a:lvl4pPr lvl="3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8000"/>
              <a:buNone/>
              <a:defRPr sz="8000">
                <a:solidFill>
                  <a:schemeClr val="lt1"/>
                </a:solidFill>
              </a:defRPr>
            </a:lvl4pPr>
            <a:lvl5pPr lvl="4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8000"/>
              <a:buNone/>
              <a:defRPr sz="8000">
                <a:solidFill>
                  <a:schemeClr val="lt1"/>
                </a:solidFill>
              </a:defRPr>
            </a:lvl5pPr>
            <a:lvl6pPr lvl="5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8000"/>
              <a:buNone/>
              <a:defRPr sz="8000">
                <a:solidFill>
                  <a:schemeClr val="lt1"/>
                </a:solidFill>
              </a:defRPr>
            </a:lvl6pPr>
            <a:lvl7pPr lvl="6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8000"/>
              <a:buNone/>
              <a:defRPr sz="8000">
                <a:solidFill>
                  <a:schemeClr val="lt1"/>
                </a:solidFill>
              </a:defRPr>
            </a:lvl7pPr>
            <a:lvl8pPr lvl="7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8000"/>
              <a:buNone/>
              <a:defRPr sz="8000">
                <a:solidFill>
                  <a:schemeClr val="lt1"/>
                </a:solidFill>
              </a:defRPr>
            </a:lvl8pPr>
            <a:lvl9pPr lvl="8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8000"/>
              <a:buNone/>
              <a:defRPr sz="8000">
                <a:solidFill>
                  <a:schemeClr val="lt1"/>
                </a:solidFill>
              </a:defRPr>
            </a:lvl9pPr>
          </a:lstStyle>
          <a:p>
            <a:r>
              <a:t>xx%</a:t>
            </a:r>
          </a:p>
        </p:txBody>
      </p:sp>
      <p:sp>
        <p:nvSpPr>
          <p:cNvPr id="234" name="Google Shape;234;p34"/>
          <p:cNvSpPr txBox="1">
            <a:spLocks noGrp="1"/>
          </p:cNvSpPr>
          <p:nvPr>
            <p:ph type="body" idx="1"/>
          </p:nvPr>
        </p:nvSpPr>
        <p:spPr>
          <a:xfrm>
            <a:off x="1388625" y="2712300"/>
            <a:ext cx="6366900" cy="111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lvl="0" indent="-31115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300"/>
              <a:buChar char="●"/>
              <a:defRPr>
                <a:solidFill>
                  <a:schemeClr val="lt1"/>
                </a:solidFill>
              </a:defRPr>
            </a:lvl1pPr>
            <a:lvl2pPr marL="914400" lvl="1" indent="-29845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100"/>
              <a:buChar char="○"/>
              <a:defRPr>
                <a:solidFill>
                  <a:schemeClr val="lt1"/>
                </a:solidFill>
              </a:defRPr>
            </a:lvl2pPr>
            <a:lvl3pPr marL="1371600" lvl="2" indent="-29845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100"/>
              <a:buChar char="■"/>
              <a:defRPr>
                <a:solidFill>
                  <a:schemeClr val="lt1"/>
                </a:solidFill>
              </a:defRPr>
            </a:lvl3pPr>
            <a:lvl4pPr marL="1828800" lvl="3" indent="-29845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100"/>
              <a:buChar char="●"/>
              <a:defRPr>
                <a:solidFill>
                  <a:schemeClr val="lt1"/>
                </a:solidFill>
              </a:defRPr>
            </a:lvl4pPr>
            <a:lvl5pPr marL="2286000" lvl="4" indent="-29845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100"/>
              <a:buChar char="○"/>
              <a:defRPr>
                <a:solidFill>
                  <a:schemeClr val="lt1"/>
                </a:solidFill>
              </a:defRPr>
            </a:lvl5pPr>
            <a:lvl6pPr marL="2743200" lvl="5" indent="-29845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100"/>
              <a:buChar char="■"/>
              <a:defRPr>
                <a:solidFill>
                  <a:schemeClr val="lt1"/>
                </a:solidFill>
              </a:defRPr>
            </a:lvl6pPr>
            <a:lvl7pPr marL="3200400" lvl="6" indent="-29845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100"/>
              <a:buChar char="●"/>
              <a:defRPr>
                <a:solidFill>
                  <a:schemeClr val="lt1"/>
                </a:solidFill>
              </a:defRPr>
            </a:lvl7pPr>
            <a:lvl8pPr marL="3657600" lvl="7" indent="-29845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100"/>
              <a:buChar char="○"/>
              <a:defRPr>
                <a:solidFill>
                  <a:schemeClr val="lt1"/>
                </a:solidFill>
              </a:defRPr>
            </a:lvl8pPr>
            <a:lvl9pPr marL="4114800" lvl="8" indent="-298450" algn="ctr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100"/>
              <a:buChar char="■"/>
              <a:defRPr>
                <a:solidFill>
                  <a:schemeClr val="lt1"/>
                </a:solidFill>
              </a:defRPr>
            </a:lvl9pPr>
          </a:lstStyle>
          <a:p>
            <a:endParaRPr/>
          </a:p>
        </p:txBody>
      </p:sp>
      <p:sp>
        <p:nvSpPr>
          <p:cNvPr id="235" name="Google Shape;235;p34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lt1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type="titleOnly">
  <p:cSld name="TITLE_ONLY">
    <p:spTree>
      <p:nvGrpSpPr>
        <p:cNvPr id="1" name="Shape 2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7" name="Google Shape;237;p30"/>
          <p:cNvGrpSpPr/>
          <p:nvPr/>
        </p:nvGrpSpPr>
        <p:grpSpPr>
          <a:xfrm>
            <a:off x="625966" y="299376"/>
            <a:ext cx="999312" cy="999312"/>
            <a:chOff x="348199" y="179450"/>
            <a:chExt cx="1116300" cy="1116300"/>
          </a:xfrm>
        </p:grpSpPr>
        <p:sp>
          <p:nvSpPr>
            <p:cNvPr id="238" name="Google Shape;238;p30"/>
            <p:cNvSpPr/>
            <p:nvPr/>
          </p:nvSpPr>
          <p:spPr>
            <a:xfrm rot="-5400000">
              <a:off x="574557" y="405788"/>
              <a:ext cx="663600" cy="6636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39" name="Google Shape;239;p30"/>
            <p:cNvSpPr/>
            <p:nvPr/>
          </p:nvSpPr>
          <p:spPr>
            <a:xfrm rot="-5400000">
              <a:off x="348199" y="179450"/>
              <a:ext cx="1116300" cy="1116300"/>
            </a:xfrm>
            <a:prstGeom prst="pie">
              <a:avLst>
                <a:gd name="adj1" fmla="val 10792838"/>
                <a:gd name="adj2" fmla="val 16200000"/>
              </a:avLst>
            </a:prstGeom>
            <a:solidFill>
              <a:schemeClr val="dk2">
                <a:alpha val="11764"/>
              </a:schemeClr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240" name="Google Shape;240;p30"/>
          <p:cNvSpPr txBox="1">
            <a:spLocks noGrp="1"/>
          </p:cNvSpPr>
          <p:nvPr>
            <p:ph type="title"/>
          </p:nvPr>
        </p:nvSpPr>
        <p:spPr>
          <a:xfrm>
            <a:off x="1303800" y="598575"/>
            <a:ext cx="7030500" cy="999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241" name="Google Shape;241;p30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13" Type="http://schemas.openxmlformats.org/officeDocument/2006/relationships/slideLayout" Target="../slideLayouts/slideLayout29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12" Type="http://schemas.openxmlformats.org/officeDocument/2006/relationships/slideLayout" Target="../slideLayouts/slideLayout28.xml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1.xml"/><Relationship Id="rId10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Relationship Id="rId1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momentum">
    <p:bg>
      <p:bgPr>
        <a:solidFill>
          <a:schemeClr val="lt1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25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Maven Pro"/>
              <a:buNone/>
              <a:defRPr sz="2800" b="1" i="0" u="none" strike="noStrike" cap="none">
                <a:solidFill>
                  <a:schemeClr val="dk2"/>
                </a:solidFill>
                <a:latin typeface="Maven Pro"/>
                <a:ea typeface="Maven Pro"/>
                <a:cs typeface="Maven Pro"/>
                <a:sym typeface="Maven Pro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Maven Pro"/>
              <a:buNone/>
              <a:defRPr sz="2800" b="1" i="0" u="none" strike="noStrike" cap="none">
                <a:solidFill>
                  <a:schemeClr val="dk2"/>
                </a:solidFill>
                <a:latin typeface="Maven Pro"/>
                <a:ea typeface="Maven Pro"/>
                <a:cs typeface="Maven Pro"/>
                <a:sym typeface="Maven Pro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Maven Pro"/>
              <a:buNone/>
              <a:defRPr sz="2800" b="1" i="0" u="none" strike="noStrike" cap="none">
                <a:solidFill>
                  <a:schemeClr val="dk2"/>
                </a:solidFill>
                <a:latin typeface="Maven Pro"/>
                <a:ea typeface="Maven Pro"/>
                <a:cs typeface="Maven Pro"/>
                <a:sym typeface="Maven Pro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Maven Pro"/>
              <a:buNone/>
              <a:defRPr sz="2800" b="1" i="0" u="none" strike="noStrike" cap="none">
                <a:solidFill>
                  <a:schemeClr val="dk2"/>
                </a:solidFill>
                <a:latin typeface="Maven Pro"/>
                <a:ea typeface="Maven Pro"/>
                <a:cs typeface="Maven Pro"/>
                <a:sym typeface="Maven Pro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Maven Pro"/>
              <a:buNone/>
              <a:defRPr sz="2800" b="1" i="0" u="none" strike="noStrike" cap="none">
                <a:solidFill>
                  <a:schemeClr val="dk2"/>
                </a:solidFill>
                <a:latin typeface="Maven Pro"/>
                <a:ea typeface="Maven Pro"/>
                <a:cs typeface="Maven Pro"/>
                <a:sym typeface="Maven Pro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Maven Pro"/>
              <a:buNone/>
              <a:defRPr sz="2800" b="1" i="0" u="none" strike="noStrike" cap="none">
                <a:solidFill>
                  <a:schemeClr val="dk2"/>
                </a:solidFill>
                <a:latin typeface="Maven Pro"/>
                <a:ea typeface="Maven Pro"/>
                <a:cs typeface="Maven Pro"/>
                <a:sym typeface="Maven Pro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Maven Pro"/>
              <a:buNone/>
              <a:defRPr sz="2800" b="1" i="0" u="none" strike="noStrike" cap="none">
                <a:solidFill>
                  <a:schemeClr val="dk2"/>
                </a:solidFill>
                <a:latin typeface="Maven Pro"/>
                <a:ea typeface="Maven Pro"/>
                <a:cs typeface="Maven Pro"/>
                <a:sym typeface="Maven Pro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Maven Pro"/>
              <a:buNone/>
              <a:defRPr sz="2800" b="1" i="0" u="none" strike="noStrike" cap="none">
                <a:solidFill>
                  <a:schemeClr val="dk2"/>
                </a:solidFill>
                <a:latin typeface="Maven Pro"/>
                <a:ea typeface="Maven Pro"/>
                <a:cs typeface="Maven Pro"/>
                <a:sym typeface="Maven Pro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800"/>
              <a:buFont typeface="Maven Pro"/>
              <a:buNone/>
              <a:defRPr sz="2800" b="1" i="0" u="none" strike="noStrike" cap="none">
                <a:solidFill>
                  <a:schemeClr val="dk2"/>
                </a:solidFill>
                <a:latin typeface="Maven Pro"/>
                <a:ea typeface="Maven Pro"/>
                <a:cs typeface="Maven Pro"/>
                <a:sym typeface="Maven Pro"/>
              </a:defRPr>
            </a:lvl9pPr>
          </a:lstStyle>
          <a:p>
            <a:endParaRPr/>
          </a:p>
        </p:txBody>
      </p:sp>
      <p:sp>
        <p:nvSpPr>
          <p:cNvPr id="7" name="Google Shape;7;p25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>
            <a:lvl1pPr marL="457200" marR="0" lvl="0" indent="-3111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300"/>
              <a:buFont typeface="Nunito"/>
              <a:buChar char="●"/>
              <a:defRPr sz="13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914400" marR="0" lvl="1" indent="-2984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Nunito"/>
              <a:buChar char="○"/>
              <a:defRPr sz="11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1371600" marR="0" lvl="2" indent="-2984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Nunito"/>
              <a:buChar char="■"/>
              <a:defRPr sz="11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1828800" marR="0" lvl="3" indent="-2984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Nunito"/>
              <a:buChar char="●"/>
              <a:defRPr sz="11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2286000" marR="0" lvl="4" indent="-2984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Nunito"/>
              <a:buChar char="○"/>
              <a:defRPr sz="11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2743200" marR="0" lvl="5" indent="-2984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Nunito"/>
              <a:buChar char="■"/>
              <a:defRPr sz="11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3200400" marR="0" lvl="6" indent="-2984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Nunito"/>
              <a:buChar char="●"/>
              <a:defRPr sz="11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3657600" marR="0" lvl="7" indent="-2984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Nunito"/>
              <a:buChar char="○"/>
              <a:defRPr sz="11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4114800" marR="0" lvl="8" indent="-298450" algn="l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100"/>
              <a:buFont typeface="Nunito"/>
              <a:buChar char="■"/>
              <a:defRPr sz="11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endParaRPr/>
          </a:p>
        </p:txBody>
      </p:sp>
      <p:sp>
        <p:nvSpPr>
          <p:cNvPr id="8" name="Google Shape;8;p25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2"/>
                </a:solidFill>
                <a:latin typeface="Nunito"/>
                <a:ea typeface="Nunito"/>
                <a:cs typeface="Nunito"/>
                <a:sym typeface="Nunito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9" r:id="rId1"/>
    <p:sldLayoutId id="2147483651" r:id="rId2"/>
    <p:sldLayoutId id="2147483652" r:id="rId3"/>
    <p:sldLayoutId id="2147483653" r:id="rId4"/>
    <p:sldLayoutId id="2147483654" r:id="rId5"/>
    <p:sldLayoutId id="2147483655" r:id="rId6"/>
    <p:sldLayoutId id="2147483656" r:id="rId7"/>
    <p:sldLayoutId id="2147483657" r:id="rId8"/>
    <p:sldLayoutId id="2147483658" r:id="rId9"/>
    <p:sldLayoutId id="2147483659" r:id="rId10"/>
    <p:sldLayoutId id="2147483660" r:id="rId11"/>
    <p:sldLayoutId id="2147483661" r:id="rId12"/>
    <p:sldLayoutId id="2147483662" r:id="rId13"/>
    <p:sldLayoutId id="2147483663" r:id="rId14"/>
    <p:sldLayoutId id="2147483664" r:id="rId15"/>
    <p:sldLayoutId id="2147483665" r:id="rId16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-2">
    <p:bg>
      <p:bgPr>
        <a:solidFill>
          <a:schemeClr val="lt1"/>
        </a:solidFill>
        <a:effectLst/>
      </p:bgPr>
    </p:bg>
    <p:spTree>
      <p:nvGrpSpPr>
        <p:cNvPr id="1" name="Shape 29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0" name="Google Shape;300;g1332e3d512a_0_75"/>
          <p:cNvSpPr txBox="1">
            <a:spLocks noGrp="1"/>
          </p:cNvSpPr>
          <p:nvPr>
            <p:ph type="title"/>
          </p:nvPr>
        </p:nvSpPr>
        <p:spPr>
          <a:xfrm>
            <a:off x="311700" y="445025"/>
            <a:ext cx="8520600" cy="57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lvl="0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None/>
              <a:defRPr sz="2800">
                <a:solidFill>
                  <a:schemeClr val="dk1"/>
                </a:solidFill>
              </a:defRPr>
            </a:lvl9pPr>
          </a:lstStyle>
          <a:p>
            <a:endParaRPr/>
          </a:p>
        </p:txBody>
      </p:sp>
      <p:sp>
        <p:nvSpPr>
          <p:cNvPr id="301" name="Google Shape;301;g1332e3d512a_0_75"/>
          <p:cNvSpPr txBox="1">
            <a:spLocks noGrp="1"/>
          </p:cNvSpPr>
          <p:nvPr>
            <p:ph type="body" idx="1"/>
          </p:nvPr>
        </p:nvSpPr>
        <p:spPr>
          <a:xfrm>
            <a:off x="311700" y="1152475"/>
            <a:ext cx="8520600" cy="3416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800"/>
              <a:buChar char="●"/>
              <a:defRPr sz="1800">
                <a:solidFill>
                  <a:schemeClr val="dk2"/>
                </a:solidFill>
              </a:defRPr>
            </a:lvl1pPr>
            <a:lvl2pPr marL="914400" lvl="1" indent="-317500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○"/>
              <a:defRPr>
                <a:solidFill>
                  <a:schemeClr val="dk2"/>
                </a:solidFill>
              </a:defRPr>
            </a:lvl2pPr>
            <a:lvl3pPr marL="1371600" lvl="2" indent="-317500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■"/>
              <a:defRPr>
                <a:solidFill>
                  <a:schemeClr val="dk2"/>
                </a:solidFill>
              </a:defRPr>
            </a:lvl3pPr>
            <a:lvl4pPr marL="1828800" lvl="3" indent="-317500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●"/>
              <a:defRPr>
                <a:solidFill>
                  <a:schemeClr val="dk2"/>
                </a:solidFill>
              </a:defRPr>
            </a:lvl4pPr>
            <a:lvl5pPr marL="2286000" lvl="4" indent="-317500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○"/>
              <a:defRPr>
                <a:solidFill>
                  <a:schemeClr val="dk2"/>
                </a:solidFill>
              </a:defRPr>
            </a:lvl5pPr>
            <a:lvl6pPr marL="2743200" lvl="5" indent="-317500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■"/>
              <a:defRPr>
                <a:solidFill>
                  <a:schemeClr val="dk2"/>
                </a:solidFill>
              </a:defRPr>
            </a:lvl6pPr>
            <a:lvl7pPr marL="3200400" lvl="6" indent="-317500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●"/>
              <a:defRPr>
                <a:solidFill>
                  <a:schemeClr val="dk2"/>
                </a:solidFill>
              </a:defRPr>
            </a:lvl7pPr>
            <a:lvl8pPr marL="3657600" lvl="7" indent="-317500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○"/>
              <a:defRPr>
                <a:solidFill>
                  <a:schemeClr val="dk2"/>
                </a:solidFill>
              </a:defRPr>
            </a:lvl8pPr>
            <a:lvl9pPr marL="4114800" lvl="8" indent="-317500" rt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Char char="■"/>
              <a:defRPr>
                <a:solidFill>
                  <a:schemeClr val="dk2"/>
                </a:solidFill>
              </a:defRPr>
            </a:lvl9pPr>
          </a:lstStyle>
          <a:p>
            <a:endParaRPr/>
          </a:p>
        </p:txBody>
      </p:sp>
      <p:sp>
        <p:nvSpPr>
          <p:cNvPr id="302" name="Google Shape;302;g1332e3d512a_0_75"/>
          <p:cNvSpPr txBox="1">
            <a:spLocks noGrp="1"/>
          </p:cNvSpPr>
          <p:nvPr>
            <p:ph type="sldNum" idx="12"/>
          </p:nvPr>
        </p:nvSpPr>
        <p:spPr>
          <a:xfrm>
            <a:off x="8472458" y="4663217"/>
            <a:ext cx="548700" cy="393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lvl="0" algn="r" rtl="0">
              <a:buNone/>
              <a:defRPr sz="1000">
                <a:solidFill>
                  <a:schemeClr val="dk2"/>
                </a:solidFill>
              </a:defRPr>
            </a:lvl1pPr>
            <a:lvl2pPr lvl="1" algn="r" rtl="0">
              <a:buNone/>
              <a:defRPr sz="1000">
                <a:solidFill>
                  <a:schemeClr val="dk2"/>
                </a:solidFill>
              </a:defRPr>
            </a:lvl2pPr>
            <a:lvl3pPr lvl="2" algn="r" rtl="0">
              <a:buNone/>
              <a:defRPr sz="1000">
                <a:solidFill>
                  <a:schemeClr val="dk2"/>
                </a:solidFill>
              </a:defRPr>
            </a:lvl3pPr>
            <a:lvl4pPr lvl="3" algn="r" rtl="0">
              <a:buNone/>
              <a:defRPr sz="1000">
                <a:solidFill>
                  <a:schemeClr val="dk2"/>
                </a:solidFill>
              </a:defRPr>
            </a:lvl4pPr>
            <a:lvl5pPr lvl="4" algn="r" rtl="0">
              <a:buNone/>
              <a:defRPr sz="1000">
                <a:solidFill>
                  <a:schemeClr val="dk2"/>
                </a:solidFill>
              </a:defRPr>
            </a:lvl5pPr>
            <a:lvl6pPr lvl="5" algn="r" rtl="0">
              <a:buNone/>
              <a:defRPr sz="1000">
                <a:solidFill>
                  <a:schemeClr val="dk2"/>
                </a:solidFill>
              </a:defRPr>
            </a:lvl6pPr>
            <a:lvl7pPr lvl="6" algn="r" rtl="0">
              <a:buNone/>
              <a:defRPr sz="1000">
                <a:solidFill>
                  <a:schemeClr val="dk2"/>
                </a:solidFill>
              </a:defRPr>
            </a:lvl7pPr>
            <a:lvl8pPr lvl="7" algn="r" rtl="0">
              <a:buNone/>
              <a:defRPr sz="1000">
                <a:solidFill>
                  <a:schemeClr val="dk2"/>
                </a:solidFill>
              </a:defRPr>
            </a:lvl8pPr>
            <a:lvl9pPr lvl="8" algn="r" rtl="0">
              <a:buNone/>
              <a:defRPr sz="1000">
                <a:solidFill>
                  <a:schemeClr val="dk2"/>
                </a:solidFill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67" r:id="rId1"/>
    <p:sldLayoutId id="2147483668" r:id="rId2"/>
    <p:sldLayoutId id="2147483670" r:id="rId3"/>
    <p:sldLayoutId id="2147483672" r:id="rId4"/>
    <p:sldLayoutId id="2147483673" r:id="rId5"/>
    <p:sldLayoutId id="2147483674" r:id="rId6"/>
    <p:sldLayoutId id="2147483675" r:id="rId7"/>
    <p:sldLayoutId id="2147483676" r:id="rId8"/>
    <p:sldLayoutId id="2147483677" r:id="rId9"/>
    <p:sldLayoutId id="2147483678" r:id="rId10"/>
    <p:sldLayoutId id="2147483679" r:id="rId11"/>
    <p:sldLayoutId id="2147483680" r:id="rId12"/>
    <p:sldLayoutId id="2147483682" r:id="rId13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hemeOverride" Target="../theme/themeOverride1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7.xml"/><Relationship Id="rId1" Type="http://schemas.openxmlformats.org/officeDocument/2006/relationships/tags" Target="../tags/tag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mardim91/opi-evpn-bridge/blob/diagramms/docs/diagrams/CreateVRF-overview.md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6.xml"/><Relationship Id="rId6" Type="http://schemas.openxmlformats.org/officeDocument/2006/relationships/hyperlink" Target="https://github.com/mardim91/opi-evpn-bridge/blob/diagramms/docs/diagrams/Resiliency.md" TargetMode="External"/><Relationship Id="rId5" Type="http://schemas.openxmlformats.org/officeDocument/2006/relationships/hyperlink" Target="https://github.com/mardim91/opi-evpn-bridge/blob/diagramms/docs/diagrams/Requeuing.md" TargetMode="External"/><Relationship Id="rId4" Type="http://schemas.openxmlformats.org/officeDocument/2006/relationships/hyperlink" Target="https://github.com/mardim91/opi-evpn-bridge/blob/diagramms/docs/diagrams/NetlinkModule-VRF-example-overview.md" TargetMode="Externa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mardim91/opi-api/tree/evpn-gw-api-redesign/network/evpn-gw" TargetMode="External"/><Relationship Id="rId2" Type="http://schemas.openxmlformats.org/officeDocument/2006/relationships/hyperlink" Target="https://github.com/mardim91/opi-evpn-bridge/tree/integration" TargetMode="External"/><Relationship Id="rId1" Type="http://schemas.openxmlformats.org/officeDocument/2006/relationships/slideLayout" Target="../slideLayouts/slideLayout26.xml"/><Relationship Id="rId5" Type="http://schemas.openxmlformats.org/officeDocument/2006/relationships/hyperlink" Target="https://github.com/opiproject/opi-poc/pull/915" TargetMode="External"/><Relationship Id="rId4" Type="http://schemas.openxmlformats.org/officeDocument/2006/relationships/hyperlink" Target="https://github.com/mardim91/godpu/tree/evpn-br_godpu/network" TargetMode="Externa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wm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7.xml"/><Relationship Id="rId5" Type="http://schemas.openxmlformats.org/officeDocument/2006/relationships/image" Target="../media/image5.emf"/><Relationship Id="rId4" Type="http://schemas.openxmlformats.org/officeDocument/2006/relationships/image" Target="../media/image6.wmf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w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7.xml"/><Relationship Id="rId5" Type="http://schemas.openxmlformats.org/officeDocument/2006/relationships/image" Target="../media/image5.emf"/><Relationship Id="rId4" Type="http://schemas.openxmlformats.org/officeDocument/2006/relationships/image" Target="../media/image6.wmf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wmf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8.xml"/><Relationship Id="rId4" Type="http://schemas.openxmlformats.org/officeDocument/2006/relationships/image" Target="../media/image6.wmf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w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7.xml"/><Relationship Id="rId6" Type="http://schemas.openxmlformats.org/officeDocument/2006/relationships/hyperlink" Target="https://tools.ietf.org/wg/bess/" TargetMode="External"/><Relationship Id="rId5" Type="http://schemas.openxmlformats.org/officeDocument/2006/relationships/image" Target="../media/image6.wmf"/><Relationship Id="rId4" Type="http://schemas.openxmlformats.org/officeDocument/2006/relationships/image" Target="../media/image5.emf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9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34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48" name="Google Shape;348;g1332e3d512a_0_0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37475" y="0"/>
            <a:ext cx="9139573" cy="5143500"/>
          </a:xfrm>
          <a:prstGeom prst="rect">
            <a:avLst/>
          </a:prstGeom>
          <a:noFill/>
          <a:ln>
            <a:noFill/>
          </a:ln>
        </p:spPr>
      </p:pic>
      <p:sp>
        <p:nvSpPr>
          <p:cNvPr id="349" name="Google Shape;349;g1332e3d512a_0_0"/>
          <p:cNvSpPr txBox="1">
            <a:spLocks noGrp="1"/>
          </p:cNvSpPr>
          <p:nvPr>
            <p:ph type="subTitle" idx="4294967295"/>
          </p:nvPr>
        </p:nvSpPr>
        <p:spPr>
          <a:xfrm>
            <a:off x="850900" y="3316288"/>
            <a:ext cx="8293100" cy="8921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/>
          <a:p>
            <a:pPr marL="0" indent="0">
              <a:lnSpc>
                <a:spcPct val="100000"/>
              </a:lnSpc>
              <a:buSzPts val="1600"/>
              <a:buNone/>
            </a:pPr>
            <a:r>
              <a:rPr lang="en-US" sz="1800" b="1">
                <a:solidFill>
                  <a:schemeClr val="lt1"/>
                </a:solidFill>
              </a:rPr>
              <a:t>OPI-EVPN-BR Architecture</a:t>
            </a:r>
          </a:p>
          <a:p>
            <a:pPr marL="0" indent="0">
              <a:lnSpc>
                <a:spcPct val="100000"/>
              </a:lnSpc>
              <a:buSzPts val="1600"/>
              <a:buNone/>
            </a:pPr>
            <a:r>
              <a:rPr lang="en-US" sz="1200" b="1">
                <a:solidFill>
                  <a:schemeClr val="lt1"/>
                </a:solidFill>
              </a:rPr>
              <a:t>EVPN-GW offload to </a:t>
            </a:r>
            <a:r>
              <a:rPr lang="en-US" sz="1200" b="1" err="1">
                <a:solidFill>
                  <a:schemeClr val="lt1"/>
                </a:solidFill>
              </a:rPr>
              <a:t>xPUs</a:t>
            </a:r>
            <a:r>
              <a:rPr lang="en-US" sz="1200" b="1">
                <a:solidFill>
                  <a:schemeClr val="lt1"/>
                </a:solidFill>
              </a:rPr>
              <a:t> (Intel/Ericsson PoC)</a:t>
            </a:r>
          </a:p>
          <a:p>
            <a:pPr marL="0" indent="0">
              <a:lnSpc>
                <a:spcPct val="100000"/>
              </a:lnSpc>
              <a:buSzPts val="1600"/>
              <a:buNone/>
            </a:pPr>
            <a:endParaRPr lang="en-US" sz="1400" b="1">
              <a:solidFill>
                <a:schemeClr val="lt1"/>
              </a:solidFill>
            </a:endParaRPr>
          </a:p>
        </p:txBody>
      </p:sp>
      <p:sp>
        <p:nvSpPr>
          <p:cNvPr id="350" name="Google Shape;350;g1332e3d512a_0_0"/>
          <p:cNvSpPr txBox="1"/>
          <p:nvPr/>
        </p:nvSpPr>
        <p:spPr>
          <a:xfrm>
            <a:off x="688027" y="4185909"/>
            <a:ext cx="5412000" cy="47548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/>
          <a:p>
            <a:pPr>
              <a:lnSpc>
                <a:spcPct val="135000"/>
              </a:lnSpc>
              <a:buSzPts val="1100"/>
            </a:pPr>
            <a:r>
              <a:rPr lang="en-US" b="1">
                <a:solidFill>
                  <a:srgbClr val="EBEBEB"/>
                </a:solidFill>
                <a:latin typeface="Red Hat Display"/>
                <a:ea typeface="Red Hat Display"/>
                <a:cs typeface="Red Hat Display"/>
              </a:rPr>
              <a:t>Dimitrios Markou (Ericsson)</a:t>
            </a:r>
            <a:endParaRPr lang="en-US" b="1" i="0" u="none" strike="noStrike" cap="none">
              <a:solidFill>
                <a:srgbClr val="EBEBEB"/>
              </a:solidFill>
              <a:latin typeface="Red Hat Display"/>
              <a:ea typeface="Red Hat Display"/>
              <a:cs typeface="Red Hat Display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D08FC6A-E318-4CBE-82E1-B6485388FCA0}"/>
              </a:ext>
            </a:extLst>
          </p:cNvPr>
          <p:cNvSpPr txBox="1"/>
          <p:nvPr/>
        </p:nvSpPr>
        <p:spPr>
          <a:xfrm>
            <a:off x="688027" y="4557406"/>
            <a:ext cx="4617026" cy="307777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>
              <a:buSzPts val="1600"/>
            </a:pPr>
            <a:r>
              <a:rPr lang="en-US" b="1">
                <a:solidFill>
                  <a:schemeClr val="lt1"/>
                </a:solidFill>
              </a:rPr>
              <a:t>Feb 2024</a:t>
            </a:r>
            <a:endParaRPr lang="en-US" sz="1400" b="1">
              <a:solidFill>
                <a:schemeClr val="lt1"/>
              </a:solidFill>
            </a:endParaRPr>
          </a:p>
        </p:txBody>
      </p:sp>
    </p:spTree>
  </p:cSld>
  <p:clrMapOvr>
    <a:overrideClrMapping bg1="lt1" tx1="dk1" bg2="dk2" tx2="lt2" accent1="accent1" accent2="accent2" accent3="accent3" accent4="accent4" accent5="accent5" accent6="accent6" hlink="hlink" folHlink="folHlink"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Rectangle 44">
            <a:extLst>
              <a:ext uri="{FF2B5EF4-FFF2-40B4-BE49-F238E27FC236}">
                <a16:creationId xmlns:a16="http://schemas.microsoft.com/office/drawing/2014/main" id="{2CC54CC6-0EDD-30B1-5B03-6DC08A51838D}"/>
              </a:ext>
            </a:extLst>
          </p:cNvPr>
          <p:cNvSpPr/>
          <p:nvPr/>
        </p:nvSpPr>
        <p:spPr>
          <a:xfrm>
            <a:off x="4898961" y="2854616"/>
            <a:ext cx="3759560" cy="634455"/>
          </a:xfrm>
          <a:prstGeom prst="rect">
            <a:avLst/>
          </a:prstGeom>
          <a:solidFill>
            <a:schemeClr val="accent2">
              <a:lumMod val="10000"/>
              <a:lumOff val="9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63BBA67F-6ABF-B2C4-926E-2CDEE89E8B1C}"/>
              </a:ext>
            </a:extLst>
          </p:cNvPr>
          <p:cNvSpPr/>
          <p:nvPr/>
        </p:nvSpPr>
        <p:spPr>
          <a:xfrm>
            <a:off x="428623" y="2862988"/>
            <a:ext cx="4376145" cy="634455"/>
          </a:xfrm>
          <a:prstGeom prst="rect">
            <a:avLst/>
          </a:prstGeom>
          <a:solidFill>
            <a:schemeClr val="accent2">
              <a:lumMod val="10000"/>
              <a:lumOff val="9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0F119A5-8473-B2E9-0631-0502C0C1A1A5}"/>
              </a:ext>
            </a:extLst>
          </p:cNvPr>
          <p:cNvSpPr/>
          <p:nvPr/>
        </p:nvSpPr>
        <p:spPr>
          <a:xfrm>
            <a:off x="3811256" y="112621"/>
            <a:ext cx="1094198" cy="169256"/>
          </a:xfrm>
          <a:prstGeom prst="rect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50">
                <a:solidFill>
                  <a:schemeClr val="bg1"/>
                </a:solidFill>
                <a:cs typeface="Calibri"/>
              </a:rPr>
              <a:t>CLI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AA58D527-AAA7-8BF0-E9D9-2AA7B8D06E71}"/>
              </a:ext>
            </a:extLst>
          </p:cNvPr>
          <p:cNvSpPr/>
          <p:nvPr/>
        </p:nvSpPr>
        <p:spPr>
          <a:xfrm>
            <a:off x="3811257" y="471761"/>
            <a:ext cx="1094198" cy="231168"/>
          </a:xfrm>
          <a:prstGeom prst="rect">
            <a:avLst/>
          </a:prstGeom>
          <a:solidFill>
            <a:schemeClr val="bg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50">
                <a:solidFill>
                  <a:schemeClr val="bg1"/>
                </a:solidFill>
              </a:rPr>
              <a:t>EVPN-GW API</a:t>
            </a:r>
            <a:endParaRPr lang="en-IE" sz="1050">
              <a:solidFill>
                <a:schemeClr val="bg1"/>
              </a:solidFill>
              <a:cs typeface="Calibri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F77D49D5-0C5E-0697-CA5B-22B3E857F90E}"/>
              </a:ext>
            </a:extLst>
          </p:cNvPr>
          <p:cNvSpPr/>
          <p:nvPr/>
        </p:nvSpPr>
        <p:spPr>
          <a:xfrm>
            <a:off x="3811075" y="894289"/>
            <a:ext cx="1094198" cy="278012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 w="28575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  <a:cs typeface="Calibri"/>
              </a:rPr>
              <a:t>gRPC Server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281CE7ED-F1CD-E2AD-EF7C-F30258C926F9}"/>
              </a:ext>
            </a:extLst>
          </p:cNvPr>
          <p:cNvSpPr/>
          <p:nvPr/>
        </p:nvSpPr>
        <p:spPr>
          <a:xfrm>
            <a:off x="544000" y="1303864"/>
            <a:ext cx="5570948" cy="1197174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US" sz="1050">
              <a:solidFill>
                <a:schemeClr val="tx1"/>
              </a:solidFill>
              <a:cs typeface="Calibri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E4BBEF12-F8FB-1712-8851-7ECC79D04073}"/>
              </a:ext>
            </a:extLst>
          </p:cNvPr>
          <p:cNvSpPr/>
          <p:nvPr/>
        </p:nvSpPr>
        <p:spPr>
          <a:xfrm>
            <a:off x="3805237" y="1419224"/>
            <a:ext cx="1100138" cy="295275"/>
          </a:xfrm>
          <a:prstGeom prst="roundRect">
            <a:avLst/>
          </a:prstGeom>
          <a:solidFill>
            <a:schemeClr val="accent6">
              <a:lumMod val="40000"/>
              <a:lumOff val="60000"/>
            </a:schemeClr>
          </a:solidFill>
          <a:ln w="28575"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  <a:cs typeface="Calibri"/>
              </a:rPr>
              <a:t>Translation</a:t>
            </a:r>
            <a:r>
              <a:rPr lang="en-US" sz="1050">
                <a:cs typeface="Calibri"/>
              </a:rPr>
              <a:t> </a:t>
            </a:r>
            <a:endParaRPr lang="en-US" sz="1050"/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E890B03B-1389-0DB3-D27D-A4490DCACEA2}"/>
              </a:ext>
            </a:extLst>
          </p:cNvPr>
          <p:cNvSpPr/>
          <p:nvPr/>
        </p:nvSpPr>
        <p:spPr>
          <a:xfrm>
            <a:off x="2005012" y="1419224"/>
            <a:ext cx="1100138" cy="295275"/>
          </a:xfrm>
          <a:prstGeom prst="roundRect">
            <a:avLst/>
          </a:prstGeom>
          <a:solidFill>
            <a:schemeClr val="accent6">
              <a:lumMod val="40000"/>
              <a:lumOff val="60000"/>
            </a:schemeClr>
          </a:solidFill>
          <a:ln w="28575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  <a:cs typeface="Calibri"/>
              </a:rPr>
              <a:t>Object Store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B2B99146-A564-874C-9AAD-1D2C9D8AB81B}"/>
              </a:ext>
            </a:extLst>
          </p:cNvPr>
          <p:cNvSpPr/>
          <p:nvPr/>
        </p:nvSpPr>
        <p:spPr>
          <a:xfrm>
            <a:off x="2197096" y="192640"/>
            <a:ext cx="818798" cy="936164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79B131F1-FB0B-A643-C0AE-9569CA26AD09}"/>
              </a:ext>
            </a:extLst>
          </p:cNvPr>
          <p:cNvSpPr txBox="1"/>
          <p:nvPr/>
        </p:nvSpPr>
        <p:spPr>
          <a:xfrm>
            <a:off x="2249012" y="948985"/>
            <a:ext cx="831408" cy="17697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700" b="1">
                <a:cs typeface="Calibri"/>
              </a:rPr>
              <a:t>Storage Library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F54B600C-56CB-57D8-7836-22A499005A16}"/>
              </a:ext>
            </a:extLst>
          </p:cNvPr>
          <p:cNvSpPr/>
          <p:nvPr/>
        </p:nvSpPr>
        <p:spPr>
          <a:xfrm>
            <a:off x="2262061" y="233487"/>
            <a:ext cx="637442" cy="631162"/>
          </a:xfrm>
          <a:prstGeom prst="round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sz="675">
              <a:cs typeface="Calibri" panose="020F0502020204030204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C9308EC4-BF50-BB4D-ADAD-7E5E1076EB28}"/>
              </a:ext>
            </a:extLst>
          </p:cNvPr>
          <p:cNvSpPr txBox="1"/>
          <p:nvPr/>
        </p:nvSpPr>
        <p:spPr>
          <a:xfrm>
            <a:off x="2309163" y="282157"/>
            <a:ext cx="409784" cy="530915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750">
                <a:cs typeface="Calibri"/>
              </a:rPr>
              <a:t>Set ()</a:t>
            </a:r>
          </a:p>
          <a:p>
            <a:r>
              <a:rPr lang="en-US" sz="750">
                <a:cs typeface="Calibri"/>
              </a:rPr>
              <a:t>Get()</a:t>
            </a:r>
          </a:p>
          <a:p>
            <a:r>
              <a:rPr lang="en-US" sz="750">
                <a:cs typeface="Calibri"/>
              </a:rPr>
              <a:t>List()</a:t>
            </a:r>
          </a:p>
          <a:p>
            <a:r>
              <a:rPr lang="en-US" sz="750">
                <a:cs typeface="Calibri"/>
              </a:rPr>
              <a:t>….</a:t>
            </a:r>
          </a:p>
        </p:txBody>
      </p:sp>
      <p:sp>
        <p:nvSpPr>
          <p:cNvPr id="23" name="Cylinder 22">
            <a:extLst>
              <a:ext uri="{FF2B5EF4-FFF2-40B4-BE49-F238E27FC236}">
                <a16:creationId xmlns:a16="http://schemas.microsoft.com/office/drawing/2014/main" id="{65EE2F03-2BEE-681C-CFE8-92A786EA7123}"/>
              </a:ext>
            </a:extLst>
          </p:cNvPr>
          <p:cNvSpPr/>
          <p:nvPr/>
        </p:nvSpPr>
        <p:spPr>
          <a:xfrm>
            <a:off x="1207375" y="331430"/>
            <a:ext cx="505557" cy="433335"/>
          </a:xfrm>
          <a:prstGeom prst="can">
            <a:avLst/>
          </a:prstGeom>
          <a:solidFill>
            <a:schemeClr val="tx1">
              <a:lumMod val="75000"/>
              <a:lumOff val="25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50">
                <a:cs typeface="Calibri"/>
              </a:rPr>
              <a:t>DB</a:t>
            </a:r>
            <a:endParaRPr lang="en-US" sz="1050"/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25D862F-B2DD-E567-8378-00FFAF5AF61E}"/>
              </a:ext>
            </a:extLst>
          </p:cNvPr>
          <p:cNvCxnSpPr>
            <a:cxnSpLocks/>
          </p:cNvCxnSpPr>
          <p:nvPr/>
        </p:nvCxnSpPr>
        <p:spPr>
          <a:xfrm flipH="1">
            <a:off x="1716633" y="496546"/>
            <a:ext cx="472939" cy="5008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0CC00F28-9C27-24E1-D16E-6EE94D94601B}"/>
              </a:ext>
            </a:extLst>
          </p:cNvPr>
          <p:cNvCxnSpPr>
            <a:cxnSpLocks/>
          </p:cNvCxnSpPr>
          <p:nvPr/>
        </p:nvCxnSpPr>
        <p:spPr>
          <a:xfrm flipV="1">
            <a:off x="2556284" y="1134966"/>
            <a:ext cx="3311" cy="280742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27" name="Rectangle: Rounded Corners 26">
            <a:extLst>
              <a:ext uri="{FF2B5EF4-FFF2-40B4-BE49-F238E27FC236}">
                <a16:creationId xmlns:a16="http://schemas.microsoft.com/office/drawing/2014/main" id="{C8A7FA49-E5C2-DFBC-074B-48CE7BA78CE1}"/>
              </a:ext>
            </a:extLst>
          </p:cNvPr>
          <p:cNvSpPr/>
          <p:nvPr/>
        </p:nvSpPr>
        <p:spPr>
          <a:xfrm>
            <a:off x="2005011" y="2076449"/>
            <a:ext cx="1152525" cy="295275"/>
          </a:xfrm>
          <a:prstGeom prst="roundRect">
            <a:avLst/>
          </a:prstGeom>
          <a:solidFill>
            <a:schemeClr val="accent6">
              <a:lumMod val="40000"/>
              <a:lumOff val="60000"/>
            </a:schemeClr>
          </a:solidFill>
          <a:ln w="28575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  <a:cs typeface="Calibri"/>
              </a:rPr>
              <a:t>Task Manager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26EA95EB-E001-2E88-42EC-6E2BA7232402}"/>
              </a:ext>
            </a:extLst>
          </p:cNvPr>
          <p:cNvSpPr/>
          <p:nvPr/>
        </p:nvSpPr>
        <p:spPr>
          <a:xfrm>
            <a:off x="543621" y="4751837"/>
            <a:ext cx="5698936" cy="315888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50"/>
              <a:t>Linux (</a:t>
            </a:r>
            <a:r>
              <a:rPr lang="en-US" sz="1050" err="1"/>
              <a:t>SlowPath</a:t>
            </a:r>
            <a:r>
              <a:rPr lang="en-US" sz="1050"/>
              <a:t>)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30148F72-DFB1-880D-4F72-1E9D6594E7CC}"/>
              </a:ext>
            </a:extLst>
          </p:cNvPr>
          <p:cNvSpPr/>
          <p:nvPr/>
        </p:nvSpPr>
        <p:spPr>
          <a:xfrm>
            <a:off x="544000" y="3137426"/>
            <a:ext cx="1094198" cy="278012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 w="28575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800">
                <a:solidFill>
                  <a:schemeClr val="tx1"/>
                </a:solidFill>
                <a:cs typeface="Calibri"/>
              </a:rPr>
              <a:t>General Linux Mod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6AF86537-F281-842D-5A23-2BA5ADD612A6}"/>
              </a:ext>
            </a:extLst>
          </p:cNvPr>
          <p:cNvSpPr/>
          <p:nvPr/>
        </p:nvSpPr>
        <p:spPr>
          <a:xfrm>
            <a:off x="1934650" y="3137426"/>
            <a:ext cx="1208498" cy="278012"/>
          </a:xfrm>
          <a:prstGeom prst="rect">
            <a:avLst/>
          </a:prstGeom>
          <a:solidFill>
            <a:srgbClr val="F9D3DC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00">
                <a:solidFill>
                  <a:schemeClr val="tx1"/>
                </a:solidFill>
                <a:cs typeface="Calibri"/>
              </a:rPr>
              <a:t>Vendor Linux Mod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AAC2F641-C366-B1FB-67C6-38C0B7F5EA36}"/>
              </a:ext>
            </a:extLst>
          </p:cNvPr>
          <p:cNvSpPr/>
          <p:nvPr/>
        </p:nvSpPr>
        <p:spPr>
          <a:xfrm>
            <a:off x="3458650" y="3137426"/>
            <a:ext cx="1208498" cy="278012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 w="28575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  <a:cs typeface="Calibri"/>
              </a:rPr>
              <a:t>FRR Mod</a:t>
            </a:r>
          </a:p>
        </p:txBody>
      </p:sp>
      <p:sp>
        <p:nvSpPr>
          <p:cNvPr id="33" name="Rectangle: Rounded Corners 32">
            <a:extLst>
              <a:ext uri="{FF2B5EF4-FFF2-40B4-BE49-F238E27FC236}">
                <a16:creationId xmlns:a16="http://schemas.microsoft.com/office/drawing/2014/main" id="{AF2E6A19-AEB4-41FB-4937-C64CC9FEAA76}"/>
              </a:ext>
            </a:extLst>
          </p:cNvPr>
          <p:cNvSpPr/>
          <p:nvPr/>
        </p:nvSpPr>
        <p:spPr>
          <a:xfrm>
            <a:off x="3809999" y="2076449"/>
            <a:ext cx="1152525" cy="295275"/>
          </a:xfrm>
          <a:prstGeom prst="roundRect">
            <a:avLst/>
          </a:prstGeom>
          <a:solidFill>
            <a:schemeClr val="accent6">
              <a:lumMod val="40000"/>
              <a:lumOff val="60000"/>
            </a:schemeClr>
          </a:solidFill>
          <a:ln w="28575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  <a:cs typeface="Calibri"/>
              </a:rPr>
              <a:t>Subscriber Framework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4AF5CA76-9747-EE60-BAC8-98B868BFBD8E}"/>
              </a:ext>
            </a:extLst>
          </p:cNvPr>
          <p:cNvSpPr/>
          <p:nvPr/>
        </p:nvSpPr>
        <p:spPr>
          <a:xfrm>
            <a:off x="6659050" y="3137426"/>
            <a:ext cx="1208498" cy="278012"/>
          </a:xfrm>
          <a:prstGeom prst="rect">
            <a:avLst/>
          </a:prstGeom>
          <a:solidFill>
            <a:srgbClr val="F9D3DC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00">
                <a:solidFill>
                  <a:schemeClr val="tx1"/>
                </a:solidFill>
                <a:cs typeface="Calibri"/>
              </a:rPr>
              <a:t>Vendor Mod</a:t>
            </a:r>
          </a:p>
        </p:txBody>
      </p:sp>
      <p:grpSp>
        <p:nvGrpSpPr>
          <p:cNvPr id="47" name="Group 46">
            <a:extLst>
              <a:ext uri="{FF2B5EF4-FFF2-40B4-BE49-F238E27FC236}">
                <a16:creationId xmlns:a16="http://schemas.microsoft.com/office/drawing/2014/main" id="{936E417E-1174-F104-B165-9FE9C0CE764F}"/>
              </a:ext>
            </a:extLst>
          </p:cNvPr>
          <p:cNvGrpSpPr/>
          <p:nvPr/>
        </p:nvGrpSpPr>
        <p:grpSpPr>
          <a:xfrm>
            <a:off x="3657950" y="3689665"/>
            <a:ext cx="882895" cy="725162"/>
            <a:chOff x="9309566" y="3160603"/>
            <a:chExt cx="1177193" cy="966883"/>
          </a:xfrm>
        </p:grpSpPr>
        <p:sp>
          <p:nvSpPr>
            <p:cNvPr id="38" name="Rectangle: Rounded Corners 37">
              <a:extLst>
                <a:ext uri="{FF2B5EF4-FFF2-40B4-BE49-F238E27FC236}">
                  <a16:creationId xmlns:a16="http://schemas.microsoft.com/office/drawing/2014/main" id="{B984E5F0-C8C5-C59F-12F7-2F29AFDA7B75}"/>
                </a:ext>
              </a:extLst>
            </p:cNvPr>
            <p:cNvSpPr/>
            <p:nvPr/>
          </p:nvSpPr>
          <p:spPr>
            <a:xfrm>
              <a:off x="9309566" y="3160603"/>
              <a:ext cx="1177193" cy="966883"/>
            </a:xfrm>
            <a:prstGeom prst="roundRect">
              <a:avLst/>
            </a:prstGeom>
            <a:noFill/>
            <a:ln>
              <a:solidFill>
                <a:schemeClr val="bg2">
                  <a:lumMod val="75000"/>
                </a:schemeClr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sz="1050">
                  <a:solidFill>
                    <a:schemeClr val="tx1"/>
                  </a:solidFill>
                </a:rPr>
                <a:t>FRR</a:t>
              </a:r>
              <a:endParaRPr lang="en-IE" sz="1050">
                <a:solidFill>
                  <a:schemeClr val="tx1"/>
                </a:solidFill>
              </a:endParaRPr>
            </a:p>
          </p:txBody>
        </p:sp>
        <p:sp>
          <p:nvSpPr>
            <p:cNvPr id="40" name="Cylinder 39">
              <a:extLst>
                <a:ext uri="{FF2B5EF4-FFF2-40B4-BE49-F238E27FC236}">
                  <a16:creationId xmlns:a16="http://schemas.microsoft.com/office/drawing/2014/main" id="{8268DCD4-C9CC-8071-DAFF-6CC875A6D207}"/>
                </a:ext>
              </a:extLst>
            </p:cNvPr>
            <p:cNvSpPr/>
            <p:nvPr/>
          </p:nvSpPr>
          <p:spPr>
            <a:xfrm>
              <a:off x="9593254" y="3643574"/>
              <a:ext cx="651759" cy="413151"/>
            </a:xfrm>
            <a:prstGeom prst="can">
              <a:avLst/>
            </a:prstGeom>
            <a:solidFill>
              <a:schemeClr val="tx1"/>
            </a:solidFill>
            <a:ln>
              <a:solidFill>
                <a:schemeClr val="tx1">
                  <a:lumMod val="85000"/>
                  <a:lumOff val="15000"/>
                </a:schemeClr>
              </a:solidFill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 sz="1050"/>
            </a:p>
          </p:txBody>
        </p:sp>
      </p:grpSp>
      <p:sp>
        <p:nvSpPr>
          <p:cNvPr id="48" name="Rectangle 47">
            <a:extLst>
              <a:ext uri="{FF2B5EF4-FFF2-40B4-BE49-F238E27FC236}">
                <a16:creationId xmlns:a16="http://schemas.microsoft.com/office/drawing/2014/main" id="{5922662A-C65E-D51A-E51D-6CF058731943}"/>
              </a:ext>
            </a:extLst>
          </p:cNvPr>
          <p:cNvSpPr/>
          <p:nvPr/>
        </p:nvSpPr>
        <p:spPr>
          <a:xfrm>
            <a:off x="5035037" y="3137426"/>
            <a:ext cx="1208498" cy="278012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50" err="1">
                <a:solidFill>
                  <a:schemeClr val="tx1"/>
                </a:solidFill>
                <a:cs typeface="Calibri"/>
              </a:rPr>
              <a:t>Netlink</a:t>
            </a:r>
            <a:r>
              <a:rPr lang="en-US" sz="1050">
                <a:solidFill>
                  <a:schemeClr val="tx1"/>
                </a:solidFill>
                <a:cs typeface="Calibri"/>
              </a:rPr>
              <a:t> Watcher</a:t>
            </a:r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693CE140-32F9-75B5-3D91-848D78592C53}"/>
              </a:ext>
            </a:extLst>
          </p:cNvPr>
          <p:cNvSpPr/>
          <p:nvPr/>
        </p:nvSpPr>
        <p:spPr>
          <a:xfrm>
            <a:off x="6620571" y="4747074"/>
            <a:ext cx="1288861" cy="325413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r>
              <a:rPr lang="en-US" sz="1050">
                <a:cs typeface="Calibri"/>
              </a:rPr>
              <a:t>FastPath</a:t>
            </a:r>
          </a:p>
        </p:txBody>
      </p:sp>
      <p:cxnSp>
        <p:nvCxnSpPr>
          <p:cNvPr id="51" name="Straight Arrow Connector 50">
            <a:extLst>
              <a:ext uri="{FF2B5EF4-FFF2-40B4-BE49-F238E27FC236}">
                <a16:creationId xmlns:a16="http://schemas.microsoft.com/office/drawing/2014/main" id="{7D44A561-1D43-1C53-6283-E5C9BDF13C44}"/>
              </a:ext>
            </a:extLst>
          </p:cNvPr>
          <p:cNvCxnSpPr>
            <a:cxnSpLocks/>
          </p:cNvCxnSpPr>
          <p:nvPr/>
        </p:nvCxnSpPr>
        <p:spPr>
          <a:xfrm flipH="1">
            <a:off x="1107032" y="2377732"/>
            <a:ext cx="1363526" cy="76224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52" name="Straight Arrow Connector 51">
            <a:extLst>
              <a:ext uri="{FF2B5EF4-FFF2-40B4-BE49-F238E27FC236}">
                <a16:creationId xmlns:a16="http://schemas.microsoft.com/office/drawing/2014/main" id="{8F05DD56-F95B-CABA-EF69-6D7A6E1294FB}"/>
              </a:ext>
            </a:extLst>
          </p:cNvPr>
          <p:cNvCxnSpPr>
            <a:cxnSpLocks/>
          </p:cNvCxnSpPr>
          <p:nvPr/>
        </p:nvCxnSpPr>
        <p:spPr>
          <a:xfrm flipH="1">
            <a:off x="2469107" y="2372970"/>
            <a:ext cx="15739" cy="76224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53" name="Straight Arrow Connector 52">
            <a:extLst>
              <a:ext uri="{FF2B5EF4-FFF2-40B4-BE49-F238E27FC236}">
                <a16:creationId xmlns:a16="http://schemas.microsoft.com/office/drawing/2014/main" id="{FFF8ED91-7059-BD3C-0B4E-D98A06C14C88}"/>
              </a:ext>
            </a:extLst>
          </p:cNvPr>
          <p:cNvCxnSpPr>
            <a:cxnSpLocks/>
          </p:cNvCxnSpPr>
          <p:nvPr/>
        </p:nvCxnSpPr>
        <p:spPr>
          <a:xfrm>
            <a:off x="2489608" y="2377732"/>
            <a:ext cx="1127261" cy="76224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09D90EC6-066C-6869-CA23-290E0DD8C3D6}"/>
              </a:ext>
            </a:extLst>
          </p:cNvPr>
          <p:cNvCxnSpPr>
            <a:cxnSpLocks/>
          </p:cNvCxnSpPr>
          <p:nvPr/>
        </p:nvCxnSpPr>
        <p:spPr>
          <a:xfrm>
            <a:off x="2489607" y="2382495"/>
            <a:ext cx="4437199" cy="75272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>
            <a:extLst>
              <a:ext uri="{FF2B5EF4-FFF2-40B4-BE49-F238E27FC236}">
                <a16:creationId xmlns:a16="http://schemas.microsoft.com/office/drawing/2014/main" id="{156EED82-D303-7644-9F38-DFEB8A7142B4}"/>
              </a:ext>
            </a:extLst>
          </p:cNvPr>
          <p:cNvCxnSpPr>
            <a:cxnSpLocks/>
          </p:cNvCxnSpPr>
          <p:nvPr/>
        </p:nvCxnSpPr>
        <p:spPr>
          <a:xfrm flipH="1">
            <a:off x="1054645" y="3415957"/>
            <a:ext cx="20501" cy="133374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CD03C054-CD57-BFFB-7269-0B231E594AAC}"/>
              </a:ext>
            </a:extLst>
          </p:cNvPr>
          <p:cNvCxnSpPr>
            <a:cxnSpLocks/>
          </p:cNvCxnSpPr>
          <p:nvPr/>
        </p:nvCxnSpPr>
        <p:spPr>
          <a:xfrm flipH="1">
            <a:off x="2492920" y="3415957"/>
            <a:ext cx="20501" cy="133374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>
            <a:extLst>
              <a:ext uri="{FF2B5EF4-FFF2-40B4-BE49-F238E27FC236}">
                <a16:creationId xmlns:a16="http://schemas.microsoft.com/office/drawing/2014/main" id="{F71DC59D-4CB3-FAAF-4F15-890FEEDE7974}"/>
              </a:ext>
            </a:extLst>
          </p:cNvPr>
          <p:cNvCxnSpPr>
            <a:cxnSpLocks/>
          </p:cNvCxnSpPr>
          <p:nvPr/>
        </p:nvCxnSpPr>
        <p:spPr>
          <a:xfrm flipH="1">
            <a:off x="4035970" y="3415957"/>
            <a:ext cx="1451" cy="271708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58" name="Straight Arrow Connector 57">
            <a:extLst>
              <a:ext uri="{FF2B5EF4-FFF2-40B4-BE49-F238E27FC236}">
                <a16:creationId xmlns:a16="http://schemas.microsoft.com/office/drawing/2014/main" id="{4012C510-6545-45BA-4B37-A549C4FE9B34}"/>
              </a:ext>
            </a:extLst>
          </p:cNvPr>
          <p:cNvCxnSpPr>
            <a:cxnSpLocks/>
          </p:cNvCxnSpPr>
          <p:nvPr/>
        </p:nvCxnSpPr>
        <p:spPr>
          <a:xfrm flipH="1">
            <a:off x="4012157" y="4416082"/>
            <a:ext cx="1451" cy="33362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59" name="Straight Arrow Connector 58">
            <a:extLst>
              <a:ext uri="{FF2B5EF4-FFF2-40B4-BE49-F238E27FC236}">
                <a16:creationId xmlns:a16="http://schemas.microsoft.com/office/drawing/2014/main" id="{407B19D2-2AAC-BB49-FBA2-E1A543AE7A8B}"/>
              </a:ext>
            </a:extLst>
          </p:cNvPr>
          <p:cNvCxnSpPr>
            <a:cxnSpLocks/>
          </p:cNvCxnSpPr>
          <p:nvPr/>
        </p:nvCxnSpPr>
        <p:spPr>
          <a:xfrm>
            <a:off x="7285446" y="3415957"/>
            <a:ext cx="8074" cy="1328983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60" name="Straight Arrow Connector 59">
            <a:extLst>
              <a:ext uri="{FF2B5EF4-FFF2-40B4-BE49-F238E27FC236}">
                <a16:creationId xmlns:a16="http://schemas.microsoft.com/office/drawing/2014/main" id="{2DC33CC8-3D2A-4F42-AE2D-51B0575D67B6}"/>
              </a:ext>
            </a:extLst>
          </p:cNvPr>
          <p:cNvCxnSpPr>
            <a:cxnSpLocks/>
          </p:cNvCxnSpPr>
          <p:nvPr/>
        </p:nvCxnSpPr>
        <p:spPr>
          <a:xfrm>
            <a:off x="6247221" y="3306420"/>
            <a:ext cx="412886" cy="24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61" name="Straight Arrow Connector 60">
            <a:extLst>
              <a:ext uri="{FF2B5EF4-FFF2-40B4-BE49-F238E27FC236}">
                <a16:creationId xmlns:a16="http://schemas.microsoft.com/office/drawing/2014/main" id="{0933D3A0-39C4-B8C5-50F2-2250DF503EB5}"/>
              </a:ext>
            </a:extLst>
          </p:cNvPr>
          <p:cNvCxnSpPr>
            <a:cxnSpLocks/>
          </p:cNvCxnSpPr>
          <p:nvPr/>
        </p:nvCxnSpPr>
        <p:spPr>
          <a:xfrm flipH="1" flipV="1">
            <a:off x="5688556" y="3416203"/>
            <a:ext cx="10976" cy="1328492"/>
          </a:xfrm>
          <a:prstGeom prst="straightConnector1">
            <a:avLst/>
          </a:prstGeom>
          <a:ln>
            <a:solidFill>
              <a:schemeClr val="tx1"/>
            </a:solidFill>
            <a:prstDash val="sysDot"/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67" name="Straight Arrow Connector 66">
            <a:extLst>
              <a:ext uri="{FF2B5EF4-FFF2-40B4-BE49-F238E27FC236}">
                <a16:creationId xmlns:a16="http://schemas.microsoft.com/office/drawing/2014/main" id="{754E8F31-4491-B669-E750-614FB8E4584C}"/>
              </a:ext>
            </a:extLst>
          </p:cNvPr>
          <p:cNvCxnSpPr>
            <a:cxnSpLocks/>
          </p:cNvCxnSpPr>
          <p:nvPr/>
        </p:nvCxnSpPr>
        <p:spPr>
          <a:xfrm flipH="1" flipV="1">
            <a:off x="4945606" y="2358928"/>
            <a:ext cx="2258876" cy="766517"/>
          </a:xfrm>
          <a:prstGeom prst="straightConnector1">
            <a:avLst/>
          </a:prstGeom>
          <a:ln w="12700">
            <a:solidFill>
              <a:schemeClr val="tx1"/>
            </a:solidFill>
            <a:prstDash val="dash"/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68" name="Straight Arrow Connector 67">
            <a:extLst>
              <a:ext uri="{FF2B5EF4-FFF2-40B4-BE49-F238E27FC236}">
                <a16:creationId xmlns:a16="http://schemas.microsoft.com/office/drawing/2014/main" id="{2D90E9F4-58CC-6F4D-A835-5C4A9B607176}"/>
              </a:ext>
            </a:extLst>
          </p:cNvPr>
          <p:cNvCxnSpPr>
            <a:cxnSpLocks/>
          </p:cNvCxnSpPr>
          <p:nvPr/>
        </p:nvCxnSpPr>
        <p:spPr>
          <a:xfrm>
            <a:off x="4356508" y="277470"/>
            <a:ext cx="3311" cy="195508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69" name="Straight Arrow Connector 68">
            <a:extLst>
              <a:ext uri="{FF2B5EF4-FFF2-40B4-BE49-F238E27FC236}">
                <a16:creationId xmlns:a16="http://schemas.microsoft.com/office/drawing/2014/main" id="{72155CBB-3C04-B810-D828-ED99AE00222E}"/>
              </a:ext>
            </a:extLst>
          </p:cNvPr>
          <p:cNvCxnSpPr>
            <a:cxnSpLocks/>
          </p:cNvCxnSpPr>
          <p:nvPr/>
        </p:nvCxnSpPr>
        <p:spPr>
          <a:xfrm>
            <a:off x="4356508" y="706095"/>
            <a:ext cx="3311" cy="195508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70" name="Straight Arrow Connector 69">
            <a:extLst>
              <a:ext uri="{FF2B5EF4-FFF2-40B4-BE49-F238E27FC236}">
                <a16:creationId xmlns:a16="http://schemas.microsoft.com/office/drawing/2014/main" id="{C3B4B506-ABF7-4608-11F2-4CC65F01F1EF}"/>
              </a:ext>
            </a:extLst>
          </p:cNvPr>
          <p:cNvCxnSpPr>
            <a:cxnSpLocks/>
          </p:cNvCxnSpPr>
          <p:nvPr/>
        </p:nvCxnSpPr>
        <p:spPr>
          <a:xfrm>
            <a:off x="4332695" y="1172820"/>
            <a:ext cx="3311" cy="243133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8B57082A-E6BA-E322-D757-85B47BADD453}"/>
              </a:ext>
            </a:extLst>
          </p:cNvPr>
          <p:cNvSpPr txBox="1"/>
          <p:nvPr/>
        </p:nvSpPr>
        <p:spPr>
          <a:xfrm>
            <a:off x="5429250" y="1285874"/>
            <a:ext cx="1023938" cy="23083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sz="1050">
                <a:cs typeface="Calibri"/>
              </a:rPr>
              <a:t>InfraDB</a:t>
            </a:r>
            <a:endParaRPr lang="en-US" sz="105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76EB41C-5CA7-935C-B4F1-E44B59825520}"/>
              </a:ext>
            </a:extLst>
          </p:cNvPr>
          <p:cNvSpPr txBox="1"/>
          <p:nvPr/>
        </p:nvSpPr>
        <p:spPr>
          <a:xfrm rot="19860000">
            <a:off x="1416741" y="2633552"/>
            <a:ext cx="442913" cy="207749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sz="900">
                <a:cs typeface="Calibri"/>
              </a:rPr>
              <a:t>notify</a:t>
            </a:r>
            <a:endParaRPr lang="en-US" sz="90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F886EA6-2F89-B6AC-AD82-2B43420841EF}"/>
              </a:ext>
            </a:extLst>
          </p:cNvPr>
          <p:cNvSpPr txBox="1"/>
          <p:nvPr/>
        </p:nvSpPr>
        <p:spPr>
          <a:xfrm>
            <a:off x="428623" y="3688361"/>
            <a:ext cx="700088" cy="207749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900">
                <a:cs typeface="Calibri"/>
              </a:rPr>
              <a:t>ApplyConf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7C81EF5-8104-20A8-9D1F-45BEB838A0BA}"/>
              </a:ext>
            </a:extLst>
          </p:cNvPr>
          <p:cNvSpPr txBox="1"/>
          <p:nvPr/>
        </p:nvSpPr>
        <p:spPr>
          <a:xfrm>
            <a:off x="5695948" y="3793136"/>
            <a:ext cx="681038" cy="207749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900">
                <a:cs typeface="Calibri"/>
              </a:rPr>
              <a:t>PollConf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4CBC197-A823-8A96-60BF-0CFB5AB5521A}"/>
              </a:ext>
            </a:extLst>
          </p:cNvPr>
          <p:cNvSpPr txBox="1"/>
          <p:nvPr/>
        </p:nvSpPr>
        <p:spPr>
          <a:xfrm>
            <a:off x="6220880" y="3095342"/>
            <a:ext cx="442913" cy="207749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sz="900">
                <a:cs typeface="Calibri"/>
              </a:rPr>
              <a:t>notify</a:t>
            </a:r>
            <a:endParaRPr lang="en-US" sz="900" err="1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6206CB1-8DAC-440C-8E28-25FEE660E590}"/>
              </a:ext>
            </a:extLst>
          </p:cNvPr>
          <p:cNvSpPr txBox="1"/>
          <p:nvPr/>
        </p:nvSpPr>
        <p:spPr>
          <a:xfrm rot="1080000">
            <a:off x="6361956" y="2752653"/>
            <a:ext cx="649496" cy="207749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sz="900">
                <a:cs typeface="Calibri"/>
              </a:rPr>
              <a:t>Subscribe</a:t>
            </a: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C4B7C482-C160-2EA2-DD94-05FF2019D9F9}"/>
              </a:ext>
            </a:extLst>
          </p:cNvPr>
          <p:cNvSpPr/>
          <p:nvPr/>
        </p:nvSpPr>
        <p:spPr>
          <a:xfrm>
            <a:off x="7000875" y="438150"/>
            <a:ext cx="104775" cy="109538"/>
          </a:xfrm>
          <a:prstGeom prst="ellipse">
            <a:avLst/>
          </a:prstGeom>
          <a:solidFill>
            <a:schemeClr val="accent6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12C213A-ADB6-3058-9407-D0D2C352C2C2}"/>
              </a:ext>
            </a:extLst>
          </p:cNvPr>
          <p:cNvSpPr txBox="1"/>
          <p:nvPr/>
        </p:nvSpPr>
        <p:spPr>
          <a:xfrm>
            <a:off x="7148512" y="395288"/>
            <a:ext cx="1144661" cy="19050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sz="788" err="1">
                <a:cs typeface="Calibri"/>
              </a:rPr>
              <a:t>opi</a:t>
            </a:r>
            <a:r>
              <a:rPr lang="en-US" sz="788">
                <a:cs typeface="Calibri"/>
              </a:rPr>
              <a:t>-</a:t>
            </a:r>
            <a:r>
              <a:rPr lang="en-US" sz="788" err="1">
                <a:cs typeface="Calibri"/>
              </a:rPr>
              <a:t>evpn</a:t>
            </a:r>
            <a:r>
              <a:rPr lang="en-US" sz="788">
                <a:cs typeface="Calibri"/>
              </a:rPr>
              <a:t>-bridge core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2FF5251E-85E8-FC57-AD7A-BD22FAE1DD21}"/>
              </a:ext>
            </a:extLst>
          </p:cNvPr>
          <p:cNvCxnSpPr>
            <a:cxnSpLocks/>
            <a:endCxn id="33" idx="2"/>
          </p:cNvCxnSpPr>
          <p:nvPr/>
        </p:nvCxnSpPr>
        <p:spPr>
          <a:xfrm flipV="1">
            <a:off x="4186861" y="2371724"/>
            <a:ext cx="199401" cy="736958"/>
          </a:xfrm>
          <a:prstGeom prst="straightConnector1">
            <a:avLst/>
          </a:prstGeom>
          <a:ln w="12700">
            <a:solidFill>
              <a:schemeClr val="tx1"/>
            </a:solidFill>
            <a:prstDash val="dash"/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B5F696BC-5C28-056E-EB06-C3C500FAE901}"/>
              </a:ext>
            </a:extLst>
          </p:cNvPr>
          <p:cNvCxnSpPr>
            <a:cxnSpLocks/>
          </p:cNvCxnSpPr>
          <p:nvPr/>
        </p:nvCxnSpPr>
        <p:spPr>
          <a:xfrm flipV="1">
            <a:off x="2615588" y="2385463"/>
            <a:ext cx="1518160" cy="693484"/>
          </a:xfrm>
          <a:prstGeom prst="straightConnector1">
            <a:avLst/>
          </a:prstGeom>
          <a:ln w="12700">
            <a:solidFill>
              <a:schemeClr val="tx1"/>
            </a:solidFill>
            <a:prstDash val="dash"/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A56AD4A-9297-7903-7643-75A67504C54F}"/>
              </a:ext>
            </a:extLst>
          </p:cNvPr>
          <p:cNvCxnSpPr>
            <a:cxnSpLocks/>
          </p:cNvCxnSpPr>
          <p:nvPr/>
        </p:nvCxnSpPr>
        <p:spPr>
          <a:xfrm flipV="1">
            <a:off x="1468207" y="2358928"/>
            <a:ext cx="2433686" cy="736414"/>
          </a:xfrm>
          <a:prstGeom prst="straightConnector1">
            <a:avLst/>
          </a:prstGeom>
          <a:ln w="12700">
            <a:solidFill>
              <a:schemeClr val="tx1"/>
            </a:solidFill>
            <a:prstDash val="dash"/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41" name="Oval 40">
            <a:extLst>
              <a:ext uri="{FF2B5EF4-FFF2-40B4-BE49-F238E27FC236}">
                <a16:creationId xmlns:a16="http://schemas.microsoft.com/office/drawing/2014/main" id="{E3B4A560-4621-D89C-22C9-A3B71E6839D5}"/>
              </a:ext>
            </a:extLst>
          </p:cNvPr>
          <p:cNvSpPr/>
          <p:nvPr/>
        </p:nvSpPr>
        <p:spPr>
          <a:xfrm>
            <a:off x="7000873" y="620387"/>
            <a:ext cx="104775" cy="109538"/>
          </a:xfrm>
          <a:prstGeom prst="ellipse">
            <a:avLst/>
          </a:prstGeom>
          <a:solidFill>
            <a:srgbClr val="F9D3DC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DE" sz="1000">
              <a:solidFill>
                <a:schemeClr val="tx1"/>
              </a:solidFill>
              <a:cs typeface="Calibri"/>
            </a:endParaRP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D4A546C3-E1B5-B305-381D-1D45850000C3}"/>
              </a:ext>
            </a:extLst>
          </p:cNvPr>
          <p:cNvSpPr txBox="1"/>
          <p:nvPr/>
        </p:nvSpPr>
        <p:spPr>
          <a:xfrm>
            <a:off x="7148512" y="579905"/>
            <a:ext cx="1282239" cy="19050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sz="788">
                <a:cs typeface="Calibri"/>
              </a:rPr>
              <a:t>Vendor provided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BA62BF3C-C723-64DD-1D7B-5751B53075E9}"/>
              </a:ext>
            </a:extLst>
          </p:cNvPr>
          <p:cNvSpPr txBox="1"/>
          <p:nvPr/>
        </p:nvSpPr>
        <p:spPr>
          <a:xfrm>
            <a:off x="408024" y="2840363"/>
            <a:ext cx="771548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err="1"/>
              <a:t>SlowPath</a:t>
            </a:r>
            <a:endParaRPr lang="en-DE" sz="1050"/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89C64EF7-1298-0BAF-8A3E-30F0C73E3E5D}"/>
              </a:ext>
            </a:extLst>
          </p:cNvPr>
          <p:cNvSpPr txBox="1"/>
          <p:nvPr/>
        </p:nvSpPr>
        <p:spPr>
          <a:xfrm>
            <a:off x="7943829" y="2817337"/>
            <a:ext cx="771548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/>
              <a:t>Offload</a:t>
            </a:r>
            <a:endParaRPr lang="en-DE" sz="1050"/>
          </a:p>
        </p:txBody>
      </p:sp>
      <p:sp>
        <p:nvSpPr>
          <p:cNvPr id="50" name="Oval 49">
            <a:extLst>
              <a:ext uri="{FF2B5EF4-FFF2-40B4-BE49-F238E27FC236}">
                <a16:creationId xmlns:a16="http://schemas.microsoft.com/office/drawing/2014/main" id="{5DC47151-2AEB-58E1-A899-B40A135FABA3}"/>
              </a:ext>
            </a:extLst>
          </p:cNvPr>
          <p:cNvSpPr/>
          <p:nvPr/>
        </p:nvSpPr>
        <p:spPr>
          <a:xfrm>
            <a:off x="7012310" y="802624"/>
            <a:ext cx="104775" cy="109538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DE" sz="1050">
              <a:solidFill>
                <a:schemeClr val="tx1"/>
              </a:solidFill>
              <a:cs typeface="Calibri"/>
            </a:endParaRP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7A00960B-AE55-67C1-9751-4134F993D372}"/>
              </a:ext>
            </a:extLst>
          </p:cNvPr>
          <p:cNvSpPr txBox="1"/>
          <p:nvPr/>
        </p:nvSpPr>
        <p:spPr>
          <a:xfrm>
            <a:off x="7148512" y="772540"/>
            <a:ext cx="1282239" cy="19050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sz="788">
                <a:cs typeface="Calibri"/>
              </a:rPr>
              <a:t>Vendor choice</a:t>
            </a:r>
          </a:p>
        </p:txBody>
      </p:sp>
    </p:spTree>
    <p:extLst>
      <p:ext uri="{BB962C8B-B14F-4D97-AF65-F5344CB8AC3E}">
        <p14:creationId xmlns:p14="http://schemas.microsoft.com/office/powerpoint/2010/main" val="238917563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A70F44F3-947B-3145-80D7-AC78EF522D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Flexible modular design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11F657B-92B7-43C9-8585-9C7D6D39FD16}"/>
              </a:ext>
            </a:extLst>
          </p:cNvPr>
          <p:cNvSpPr txBox="1">
            <a:spLocks/>
          </p:cNvSpPr>
          <p:nvPr/>
        </p:nvSpPr>
        <p:spPr bwMode="auto">
          <a:xfrm>
            <a:off x="359569" y="1394196"/>
            <a:ext cx="1944291" cy="1556173"/>
          </a:xfrm>
          <a:prstGeom prst="rect">
            <a:avLst/>
          </a:prstGeom>
          <a:solidFill>
            <a:schemeClr val="accent1"/>
          </a:solidFill>
          <a:ln w="12700">
            <a:noFill/>
            <a:miter lim="800000"/>
            <a:headEnd/>
            <a:tailEnd/>
          </a:ln>
        </p:spPr>
        <p:txBody>
          <a:bodyPr vert="horz" wrap="square" lIns="68580" tIns="137160" rIns="68580" bIns="34290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spcAft>
                <a:spcPts val="900"/>
              </a:spcAft>
              <a:buClr>
                <a:schemeClr val="bg1"/>
              </a:buClr>
            </a:pPr>
            <a:r>
              <a:rPr lang="en-US" sz="2100">
                <a:solidFill>
                  <a:schemeClr val="bg1"/>
                </a:solidFill>
                <a:latin typeface="+mj-lt"/>
              </a:rPr>
              <a:t>IPU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FC0050E-BD0D-4912-A6C8-6D8237A1EBA0}"/>
              </a:ext>
            </a:extLst>
          </p:cNvPr>
          <p:cNvSpPr txBox="1">
            <a:spLocks/>
          </p:cNvSpPr>
          <p:nvPr/>
        </p:nvSpPr>
        <p:spPr bwMode="auto">
          <a:xfrm>
            <a:off x="3469509" y="1405439"/>
            <a:ext cx="1944291" cy="1556173"/>
          </a:xfrm>
          <a:prstGeom prst="rect">
            <a:avLst/>
          </a:prstGeom>
          <a:solidFill>
            <a:schemeClr val="accent1"/>
          </a:solidFill>
          <a:ln w="12700">
            <a:noFill/>
            <a:miter lim="800000"/>
            <a:headEnd/>
            <a:tailEnd/>
          </a:ln>
        </p:spPr>
        <p:txBody>
          <a:bodyPr vert="horz" wrap="square" lIns="68580" tIns="137160" rIns="68580" bIns="34290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spcAft>
                <a:spcPts val="900"/>
              </a:spcAft>
              <a:buClr>
                <a:schemeClr val="bg1"/>
              </a:buClr>
            </a:pPr>
            <a:r>
              <a:rPr lang="en-US" sz="2100" err="1">
                <a:solidFill>
                  <a:schemeClr val="bg1"/>
                </a:solidFill>
                <a:latin typeface="+mj-lt"/>
              </a:rPr>
              <a:t>xPU</a:t>
            </a:r>
            <a:endParaRPr lang="en-US" sz="210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77D164B-99B7-4CA2-A0E7-C96F0AD102D3}"/>
              </a:ext>
            </a:extLst>
          </p:cNvPr>
          <p:cNvSpPr txBox="1">
            <a:spLocks/>
          </p:cNvSpPr>
          <p:nvPr/>
        </p:nvSpPr>
        <p:spPr bwMode="auto">
          <a:xfrm>
            <a:off x="6579451" y="1405439"/>
            <a:ext cx="1944291" cy="1556173"/>
          </a:xfrm>
          <a:prstGeom prst="rect">
            <a:avLst/>
          </a:prstGeom>
          <a:solidFill>
            <a:schemeClr val="accent1"/>
          </a:solidFill>
          <a:ln w="12700">
            <a:noFill/>
            <a:miter lim="800000"/>
            <a:headEnd/>
            <a:tailEnd/>
          </a:ln>
        </p:spPr>
        <p:txBody>
          <a:bodyPr vert="horz" wrap="square" lIns="68580" tIns="137160" rIns="68580" bIns="34290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spcAft>
                <a:spcPts val="900"/>
              </a:spcAft>
              <a:buClr>
                <a:schemeClr val="bg1"/>
              </a:buClr>
            </a:pPr>
            <a:r>
              <a:rPr lang="en-US" sz="2100">
                <a:solidFill>
                  <a:schemeClr val="bg1"/>
                </a:solidFill>
                <a:latin typeface="+mj-lt"/>
              </a:rPr>
              <a:t>CI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B9B8E10-F934-4256-AA61-D8D8D02B90CF}"/>
              </a:ext>
            </a:extLst>
          </p:cNvPr>
          <p:cNvSpPr txBox="1">
            <a:spLocks/>
          </p:cNvSpPr>
          <p:nvPr/>
        </p:nvSpPr>
        <p:spPr bwMode="auto">
          <a:xfrm>
            <a:off x="359569" y="2961612"/>
            <a:ext cx="1944291" cy="171635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109728" tIns="137160" rIns="68580" bIns="27432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/>
              <a:t>Linux General Module</a:t>
            </a: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>
                <a:solidFill>
                  <a:srgbClr val="FF0000"/>
                </a:solidFill>
              </a:rPr>
              <a:t>Linux IPU Module</a:t>
            </a: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/>
              <a:t>FRR Module</a:t>
            </a:r>
            <a:endParaRPr lang="en-US" sz="900">
              <a:solidFill>
                <a:srgbClr val="FF0000"/>
              </a:solidFill>
            </a:endParaRP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 err="1">
                <a:solidFill>
                  <a:schemeClr val="tx1"/>
                </a:solidFill>
              </a:rPr>
              <a:t>Netlink</a:t>
            </a:r>
            <a:r>
              <a:rPr lang="en-US" sz="900">
                <a:solidFill>
                  <a:schemeClr val="tx1"/>
                </a:solidFill>
              </a:rPr>
              <a:t> Watcher</a:t>
            </a: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>
                <a:solidFill>
                  <a:srgbClr val="FF0000"/>
                </a:solidFill>
              </a:rPr>
              <a:t>IPU Offload Module</a:t>
            </a: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endParaRPr lang="en-US" sz="105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CFAAF31-0B5C-4550-B8B7-DB592894E8B2}"/>
              </a:ext>
            </a:extLst>
          </p:cNvPr>
          <p:cNvSpPr txBox="1">
            <a:spLocks/>
          </p:cNvSpPr>
          <p:nvPr/>
        </p:nvSpPr>
        <p:spPr bwMode="auto">
          <a:xfrm>
            <a:off x="3469508" y="2961612"/>
            <a:ext cx="1944291" cy="171635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109728" tIns="137160" rIns="68580" bIns="27432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/>
              <a:t>Linux General Module</a:t>
            </a: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>
                <a:solidFill>
                  <a:srgbClr val="FF0000"/>
                </a:solidFill>
              </a:rPr>
              <a:t>Linux </a:t>
            </a:r>
            <a:r>
              <a:rPr lang="en-US" sz="900" err="1">
                <a:solidFill>
                  <a:srgbClr val="FF0000"/>
                </a:solidFill>
              </a:rPr>
              <a:t>xPU</a:t>
            </a:r>
            <a:r>
              <a:rPr lang="en-US" sz="900">
                <a:solidFill>
                  <a:srgbClr val="FF0000"/>
                </a:solidFill>
              </a:rPr>
              <a:t> Module</a:t>
            </a: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/>
              <a:t>FRR Module</a:t>
            </a:r>
            <a:endParaRPr lang="en-US" sz="900">
              <a:solidFill>
                <a:srgbClr val="FF0000"/>
              </a:solidFill>
            </a:endParaRP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 err="1">
                <a:solidFill>
                  <a:schemeClr val="tx1"/>
                </a:solidFill>
              </a:rPr>
              <a:t>Netlink</a:t>
            </a:r>
            <a:r>
              <a:rPr lang="en-US" sz="900">
                <a:solidFill>
                  <a:schemeClr val="tx1"/>
                </a:solidFill>
              </a:rPr>
              <a:t> Watcher</a:t>
            </a:r>
            <a:endParaRPr lang="en-US" sz="900"/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 err="1">
                <a:solidFill>
                  <a:srgbClr val="FF0000"/>
                </a:solidFill>
              </a:rPr>
              <a:t>xPU</a:t>
            </a:r>
            <a:r>
              <a:rPr lang="en-US" sz="900">
                <a:solidFill>
                  <a:srgbClr val="FF0000"/>
                </a:solidFill>
              </a:rPr>
              <a:t> Offload Modul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17EEFD5-8726-48A6-9BA2-70FEA0F6443B}"/>
              </a:ext>
            </a:extLst>
          </p:cNvPr>
          <p:cNvSpPr txBox="1">
            <a:spLocks/>
          </p:cNvSpPr>
          <p:nvPr/>
        </p:nvSpPr>
        <p:spPr bwMode="auto">
          <a:xfrm>
            <a:off x="6579451" y="2961612"/>
            <a:ext cx="1944291" cy="171635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109728" tIns="137160" rIns="68580" bIns="27432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/>
              <a:t>Linux General Module</a:t>
            </a: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>
                <a:solidFill>
                  <a:srgbClr val="FF0000"/>
                </a:solidFill>
              </a:rPr>
              <a:t>Linux CI Module</a:t>
            </a:r>
          </a:p>
          <a:p>
            <a:pPr marL="171450" indent="-171450">
              <a:spcAft>
                <a:spcPts val="45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900"/>
              <a:t>FRR Mo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6005037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D1DCF3EA-26D9-EDE0-FCDA-86583959544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635" y="429716"/>
            <a:ext cx="9024730" cy="196219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D3F73313-595B-4CC4-608F-F436F9B70C4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635" y="2929034"/>
            <a:ext cx="9024729" cy="19835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7356901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E42817-A28D-4A27-A3CF-10DC610DEF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8528" y="428626"/>
            <a:ext cx="8258112" cy="714374"/>
          </a:xfrm>
        </p:spPr>
        <p:txBody>
          <a:bodyPr wrap="square" anchor="t">
            <a:normAutofit/>
          </a:bodyPr>
          <a:lstStyle/>
          <a:p>
            <a:r>
              <a:rPr lang="en-US"/>
              <a:t>Sequence Diagrams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F904F08-28DD-0629-C580-D141145567B6}"/>
              </a:ext>
            </a:extLst>
          </p:cNvPr>
          <p:cNvSpPr>
            <a:spLocks noGrp="1"/>
          </p:cNvSpPr>
          <p:nvPr>
            <p:ph sz="quarter" idx="28"/>
          </p:nvPr>
        </p:nvSpPr>
        <p:spPr>
          <a:xfrm>
            <a:off x="428528" y="1255091"/>
            <a:ext cx="8258175" cy="3431210"/>
          </a:xfrm>
        </p:spPr>
        <p:txBody>
          <a:bodyPr/>
          <a:lstStyle/>
          <a:p>
            <a:r>
              <a:rPr lang="en-US">
                <a:hlinkClick r:id="rId3"/>
              </a:rPr>
              <a:t>Create VRF example</a:t>
            </a:r>
            <a:endParaRPr lang="en-US"/>
          </a:p>
          <a:p>
            <a:r>
              <a:rPr lang="en-US" err="1">
                <a:hlinkClick r:id="rId4"/>
              </a:rPr>
              <a:t>Netlink</a:t>
            </a:r>
            <a:r>
              <a:rPr lang="en-US">
                <a:hlinkClick r:id="rId4"/>
              </a:rPr>
              <a:t> Module (VRF example)</a:t>
            </a:r>
            <a:endParaRPr lang="en-US"/>
          </a:p>
          <a:p>
            <a:r>
              <a:rPr lang="en-US">
                <a:hlinkClick r:id="rId5"/>
              </a:rPr>
              <a:t>Requeue Failed Task</a:t>
            </a:r>
            <a:endParaRPr lang="en-US"/>
          </a:p>
          <a:p>
            <a:r>
              <a:rPr lang="en-US">
                <a:hlinkClick r:id="rId6"/>
              </a:rPr>
              <a:t>Resiliency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74775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A61087-69E2-B46F-4F76-475301E1B2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References</a:t>
            </a:r>
            <a:endParaRPr lang="en-D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AC8C6B-CD2F-9BC4-ECFA-90EB578DFFA0}"/>
              </a:ext>
            </a:extLst>
          </p:cNvPr>
          <p:cNvSpPr>
            <a:spLocks noGrp="1"/>
          </p:cNvSpPr>
          <p:nvPr>
            <p:ph sz="quarter" idx="28"/>
          </p:nvPr>
        </p:nvSpPr>
        <p:spPr/>
        <p:txBody>
          <a:bodyPr/>
          <a:lstStyle/>
          <a:p>
            <a:r>
              <a:rPr lang="en-US">
                <a:hlinkClick r:id="rId2"/>
              </a:rPr>
              <a:t>OPI-EVPN-BR</a:t>
            </a:r>
            <a:endParaRPr lang="en-US"/>
          </a:p>
          <a:p>
            <a:r>
              <a:rPr lang="en-US">
                <a:hlinkClick r:id="rId3"/>
              </a:rPr>
              <a:t>EVPN-GW-API</a:t>
            </a:r>
            <a:endParaRPr lang="en-US"/>
          </a:p>
          <a:p>
            <a:r>
              <a:rPr lang="en-US">
                <a:hlinkClick r:id="rId4"/>
              </a:rPr>
              <a:t>GoDPU</a:t>
            </a:r>
            <a:endParaRPr lang="en-US"/>
          </a:p>
          <a:p>
            <a:r>
              <a:rPr lang="en-US">
                <a:hlinkClick r:id="rId5"/>
              </a:rPr>
              <a:t>EVPN-GW-CNI</a:t>
            </a:r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9177643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0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2" name="Google Shape;702;p24"/>
          <p:cNvSpPr txBox="1">
            <a:spLocks noGrp="1"/>
          </p:cNvSpPr>
          <p:nvPr>
            <p:ph type="title"/>
          </p:nvPr>
        </p:nvSpPr>
        <p:spPr>
          <a:xfrm>
            <a:off x="1388625" y="772725"/>
            <a:ext cx="6366900" cy="2647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/>
          <a:p>
            <a:pPr marL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8000"/>
              <a:buNone/>
            </a:pPr>
            <a:r>
              <a:rPr lang="en-US"/>
              <a:t>THANK YOU!</a:t>
            </a:r>
            <a:endParaRPr/>
          </a:p>
        </p:txBody>
      </p:sp>
      <p:sp>
        <p:nvSpPr>
          <p:cNvPr id="703" name="Google Shape;703;p24"/>
          <p:cNvSpPr txBox="1">
            <a:spLocks noGrp="1"/>
          </p:cNvSpPr>
          <p:nvPr>
            <p:ph type="sldNum" idx="12"/>
          </p:nvPr>
        </p:nvSpPr>
        <p:spPr>
          <a:xfrm>
            <a:off x="8451046" y="4736976"/>
            <a:ext cx="548700" cy="32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/>
          <a:p>
            <a:pPr marL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900"/>
              <a:buNone/>
            </a:pPr>
            <a:fld id="{00000000-1234-1234-1234-123412341234}" type="slidenum">
              <a:rPr lang="en-US"/>
              <a:t>15</a:t>
            </a:fld>
            <a:endParaRPr/>
          </a:p>
        </p:txBody>
      </p:sp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ACE411-6283-E71A-5453-B123E8774C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88625" y="996504"/>
            <a:ext cx="6366900" cy="1415742"/>
          </a:xfrm>
        </p:spPr>
        <p:txBody>
          <a:bodyPr/>
          <a:lstStyle/>
          <a:p>
            <a:r>
              <a:rPr lang="en-IE"/>
              <a:t>Backup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9E1A342-73FC-BEFE-8DDB-FD6D8491611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60214493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>
            <a:extLst>
              <a:ext uri="{FF2B5EF4-FFF2-40B4-BE49-F238E27FC236}">
                <a16:creationId xmlns:a16="http://schemas.microsoft.com/office/drawing/2014/main" id="{3E063BAC-C063-46C3-B522-99D3C49835F9}"/>
              </a:ext>
            </a:extLst>
          </p:cNvPr>
          <p:cNvGrpSpPr/>
          <p:nvPr/>
        </p:nvGrpSpPr>
        <p:grpSpPr>
          <a:xfrm>
            <a:off x="903589" y="2024963"/>
            <a:ext cx="1164125" cy="1644994"/>
            <a:chOff x="1204784" y="2699950"/>
            <a:chExt cx="1552167" cy="2193325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DE2895C8-8483-4AEC-976D-F918A152E907}"/>
                </a:ext>
              </a:extLst>
            </p:cNvPr>
            <p:cNvSpPr/>
            <p:nvPr/>
          </p:nvSpPr>
          <p:spPr bwMode="auto">
            <a:xfrm>
              <a:off x="1204784" y="2699950"/>
              <a:ext cx="1552167" cy="2193325"/>
            </a:xfrm>
            <a:prstGeom prst="round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35000" indent="-135000">
                <a:spcBef>
                  <a:spcPts val="6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C46944E3-6852-43D5-BA36-2DC69C06E185}"/>
                </a:ext>
              </a:extLst>
            </p:cNvPr>
            <p:cNvSpPr txBox="1"/>
            <p:nvPr/>
          </p:nvSpPr>
          <p:spPr>
            <a:xfrm>
              <a:off x="1308050" y="4590620"/>
              <a:ext cx="914400" cy="302655"/>
            </a:xfrm>
            <a:prstGeom prst="rect">
              <a:avLst/>
            </a:prstGeom>
          </p:spPr>
          <p:txBody>
            <a:bodyPr vert="horz" wrap="none" lIns="54000" tIns="27000" rIns="54000" bIns="27000" rtlCol="0" anchor="t">
              <a:noAutofit/>
            </a:bodyPr>
            <a:lstStyle/>
            <a:p>
              <a:pPr defTabSz="685800" fontAlgn="base">
                <a:spcBef>
                  <a:spcPts val="600"/>
                </a:spcBef>
                <a:spcAft>
                  <a:spcPct val="0"/>
                </a:spcAft>
                <a:buClrTx/>
              </a:pPr>
              <a:r>
                <a:rPr lang="en-US" sz="1050" kern="1000" spc="-23">
                  <a:solidFill>
                    <a:srgbClr val="181818"/>
                  </a:solidFill>
                  <a:latin typeface="Ericsson Hilda"/>
                  <a:ea typeface="+mn-ea"/>
                  <a:cs typeface="+mn-cs"/>
                </a:rPr>
                <a:t>Datacenter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68FEBDA0-E75A-4562-ACA9-4A9F8F60DD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EVPN Control and Data Plane</a:t>
            </a:r>
          </a:p>
        </p:txBody>
      </p:sp>
      <p:pic>
        <p:nvPicPr>
          <p:cNvPr id="67" name="Picture 8">
            <a:extLst>
              <a:ext uri="{FF2B5EF4-FFF2-40B4-BE49-F238E27FC236}">
                <a16:creationId xmlns:a16="http://schemas.microsoft.com/office/drawing/2014/main" id="{979A9616-24D9-47E5-8004-0951FC5F52D9}"/>
              </a:ext>
            </a:extLst>
          </p:cNvPr>
          <p:cNvPicPr>
            <a:picLocks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48584" y="2193850"/>
            <a:ext cx="1853804" cy="9840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" name="Picture 8">
            <a:extLst>
              <a:ext uri="{FF2B5EF4-FFF2-40B4-BE49-F238E27FC236}">
                <a16:creationId xmlns:a16="http://schemas.microsoft.com/office/drawing/2014/main" id="{6F9584E5-22A7-4B54-A6D8-7EAB9A98D757}"/>
              </a:ext>
            </a:extLst>
          </p:cNvPr>
          <p:cNvPicPr>
            <a:picLocks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93244" y="1988377"/>
            <a:ext cx="2676938" cy="13454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4" name="Picture 8">
            <a:extLst>
              <a:ext uri="{FF2B5EF4-FFF2-40B4-BE49-F238E27FC236}">
                <a16:creationId xmlns:a16="http://schemas.microsoft.com/office/drawing/2014/main" id="{82AFFD5D-4080-48C2-BC24-6FB9A88231BE}"/>
              </a:ext>
            </a:extLst>
          </p:cNvPr>
          <p:cNvPicPr>
            <a:picLocks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7753" y="2354613"/>
            <a:ext cx="1232297" cy="8548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6" name="Picture 46" descr="SmartEdge_Router.wmf">
            <a:extLst>
              <a:ext uri="{FF2B5EF4-FFF2-40B4-BE49-F238E27FC236}">
                <a16:creationId xmlns:a16="http://schemas.microsoft.com/office/drawing/2014/main" id="{C0CBB3AD-4993-4386-B40C-19896D466D9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96564" y="2397718"/>
            <a:ext cx="194072" cy="271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7" name="Text Box 375">
            <a:extLst>
              <a:ext uri="{FF2B5EF4-FFF2-40B4-BE49-F238E27FC236}">
                <a16:creationId xmlns:a16="http://schemas.microsoft.com/office/drawing/2014/main" id="{FF4DA873-6E17-4801-9A57-BE44F37A8D8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665694" y="2527639"/>
            <a:ext cx="300082" cy="19620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tx2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chemeClr val="tx2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/>
            <a:r>
              <a:rPr lang="en-US" altLang="LID4096" sz="675"/>
              <a:t>PE</a:t>
            </a:r>
          </a:p>
        </p:txBody>
      </p:sp>
      <p:grpSp>
        <p:nvGrpSpPr>
          <p:cNvPr id="88" name="Group 87">
            <a:extLst>
              <a:ext uri="{FF2B5EF4-FFF2-40B4-BE49-F238E27FC236}">
                <a16:creationId xmlns:a16="http://schemas.microsoft.com/office/drawing/2014/main" id="{18EFEF44-4738-46B8-853B-9501179940F3}"/>
              </a:ext>
            </a:extLst>
          </p:cNvPr>
          <p:cNvGrpSpPr/>
          <p:nvPr/>
        </p:nvGrpSpPr>
        <p:grpSpPr>
          <a:xfrm>
            <a:off x="1666840" y="2814063"/>
            <a:ext cx="300082" cy="322159"/>
            <a:chOff x="4003727" y="2157413"/>
            <a:chExt cx="400108" cy="429544"/>
          </a:xfrm>
        </p:grpSpPr>
        <p:pic>
          <p:nvPicPr>
            <p:cNvPr id="89" name="Picture 46" descr="SmartEdge_Router.wmf">
              <a:extLst>
                <a:ext uri="{FF2B5EF4-FFF2-40B4-BE49-F238E27FC236}">
                  <a16:creationId xmlns:a16="http://schemas.microsoft.com/office/drawing/2014/main" id="{D7B9D621-DCFF-427A-93B9-0C6BA5BCBEE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43363" y="2157413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0" name="Text Box 375">
              <a:extLst>
                <a:ext uri="{FF2B5EF4-FFF2-40B4-BE49-F238E27FC236}">
                  <a16:creationId xmlns:a16="http://schemas.microsoft.com/office/drawing/2014/main" id="{C97C55E0-E938-4DD8-996E-F3FC6DD7A95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4003727" y="2325347"/>
              <a:ext cx="400108" cy="26161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675"/>
                <a:t>PE</a:t>
              </a:r>
            </a:p>
          </p:txBody>
        </p:sp>
      </p:grpSp>
      <p:sp>
        <p:nvSpPr>
          <p:cNvPr id="9" name="Rectangle 8">
            <a:extLst>
              <a:ext uri="{FF2B5EF4-FFF2-40B4-BE49-F238E27FC236}">
                <a16:creationId xmlns:a16="http://schemas.microsoft.com/office/drawing/2014/main" id="{C7B6CA27-256E-4DD5-A63D-27FF66E7808F}"/>
              </a:ext>
            </a:extLst>
          </p:cNvPr>
          <p:cNvSpPr/>
          <p:nvPr/>
        </p:nvSpPr>
        <p:spPr bwMode="auto">
          <a:xfrm>
            <a:off x="1024829" y="2318693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1" name="Rectangle 90">
            <a:extLst>
              <a:ext uri="{FF2B5EF4-FFF2-40B4-BE49-F238E27FC236}">
                <a16:creationId xmlns:a16="http://schemas.microsoft.com/office/drawing/2014/main" id="{1E9D2868-B547-4DAA-A235-6A4E934A6851}"/>
              </a:ext>
            </a:extLst>
          </p:cNvPr>
          <p:cNvSpPr/>
          <p:nvPr/>
        </p:nvSpPr>
        <p:spPr bwMode="auto">
          <a:xfrm>
            <a:off x="1024829" y="24332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2" name="Rectangle 91">
            <a:extLst>
              <a:ext uri="{FF2B5EF4-FFF2-40B4-BE49-F238E27FC236}">
                <a16:creationId xmlns:a16="http://schemas.microsoft.com/office/drawing/2014/main" id="{F30B72D8-9043-497D-9290-BE629022BD0B}"/>
              </a:ext>
            </a:extLst>
          </p:cNvPr>
          <p:cNvSpPr/>
          <p:nvPr/>
        </p:nvSpPr>
        <p:spPr bwMode="auto">
          <a:xfrm>
            <a:off x="1024829" y="25475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id="{345908EF-3D02-47AF-8370-B20474A1679E}"/>
              </a:ext>
            </a:extLst>
          </p:cNvPr>
          <p:cNvSpPr/>
          <p:nvPr/>
        </p:nvSpPr>
        <p:spPr bwMode="auto">
          <a:xfrm>
            <a:off x="1024829" y="26618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4" name="Rectangle 93">
            <a:extLst>
              <a:ext uri="{FF2B5EF4-FFF2-40B4-BE49-F238E27FC236}">
                <a16:creationId xmlns:a16="http://schemas.microsoft.com/office/drawing/2014/main" id="{9107308A-4A99-4B2B-B09D-C1716F33E500}"/>
              </a:ext>
            </a:extLst>
          </p:cNvPr>
          <p:cNvSpPr/>
          <p:nvPr/>
        </p:nvSpPr>
        <p:spPr bwMode="auto">
          <a:xfrm>
            <a:off x="1024829" y="27761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5" name="Rectangle 94">
            <a:extLst>
              <a:ext uri="{FF2B5EF4-FFF2-40B4-BE49-F238E27FC236}">
                <a16:creationId xmlns:a16="http://schemas.microsoft.com/office/drawing/2014/main" id="{9B2FCD20-3B01-4A0D-BA3B-52E95E4CEB8D}"/>
              </a:ext>
            </a:extLst>
          </p:cNvPr>
          <p:cNvSpPr/>
          <p:nvPr/>
        </p:nvSpPr>
        <p:spPr bwMode="auto">
          <a:xfrm>
            <a:off x="1024829" y="28904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B4DA9F8B-9F88-4C87-8A36-248B67931946}"/>
              </a:ext>
            </a:extLst>
          </p:cNvPr>
          <p:cNvSpPr/>
          <p:nvPr/>
        </p:nvSpPr>
        <p:spPr bwMode="auto">
          <a:xfrm>
            <a:off x="1024829" y="30047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7F5FE8E7-FD0C-4023-8B75-EC53AB89191A}"/>
              </a:ext>
            </a:extLst>
          </p:cNvPr>
          <p:cNvSpPr txBox="1"/>
          <p:nvPr/>
        </p:nvSpPr>
        <p:spPr>
          <a:xfrm>
            <a:off x="951251" y="3084921"/>
            <a:ext cx="421736" cy="30008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altLang="LID4096" sz="675"/>
              <a:t>servers</a:t>
            </a:r>
            <a:endParaRPr lang="en-US" sz="675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14F15D0F-0A01-4C27-8005-02937C778A29}"/>
              </a:ext>
            </a:extLst>
          </p:cNvPr>
          <p:cNvCxnSpPr>
            <a:cxnSpLocks/>
            <a:stCxn id="89" idx="0"/>
            <a:endCxn id="86" idx="2"/>
          </p:cNvCxnSpPr>
          <p:nvPr/>
        </p:nvCxnSpPr>
        <p:spPr bwMode="auto">
          <a:xfrm flipV="1">
            <a:off x="1793600" y="2669181"/>
            <a:ext cx="0" cy="14488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322317A3-6633-4054-8D01-9515BFAB5C44}"/>
              </a:ext>
            </a:extLst>
          </p:cNvPr>
          <p:cNvCxnSpPr>
            <a:cxnSpLocks/>
          </p:cNvCxnSpPr>
          <p:nvPr/>
        </p:nvCxnSpPr>
        <p:spPr bwMode="auto">
          <a:xfrm>
            <a:off x="1890358" y="2527639"/>
            <a:ext cx="99941" cy="82544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99" name="Straight Connector 98">
            <a:extLst>
              <a:ext uri="{FF2B5EF4-FFF2-40B4-BE49-F238E27FC236}">
                <a16:creationId xmlns:a16="http://schemas.microsoft.com/office/drawing/2014/main" id="{B623D9B2-6C31-465F-93D5-4E1C4C100FCD}"/>
              </a:ext>
            </a:extLst>
          </p:cNvPr>
          <p:cNvCxnSpPr>
            <a:cxnSpLocks/>
            <a:stCxn id="89" idx="3"/>
          </p:cNvCxnSpPr>
          <p:nvPr/>
        </p:nvCxnSpPr>
        <p:spPr bwMode="auto">
          <a:xfrm flipV="1">
            <a:off x="1890637" y="2826713"/>
            <a:ext cx="118613" cy="12308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644A4CB9-AEC6-4935-ADFF-3958BAEF7037}"/>
              </a:ext>
            </a:extLst>
          </p:cNvPr>
          <p:cNvSpPr txBox="1"/>
          <p:nvPr/>
        </p:nvSpPr>
        <p:spPr>
          <a:xfrm>
            <a:off x="925110" y="4268016"/>
            <a:ext cx="7488948" cy="4154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50"/>
              <a:t>EVPN uses BGP in the control plane and VXLAN in the data plane.</a:t>
            </a:r>
            <a:br>
              <a:rPr lang="en-US" sz="1050"/>
            </a:br>
            <a:r>
              <a:rPr lang="en-US" sz="1050"/>
              <a:t>We use additional </a:t>
            </a:r>
            <a:r>
              <a:rPr lang="en-US" sz="1050" err="1"/>
              <a:t>IPSec</a:t>
            </a:r>
            <a:r>
              <a:rPr lang="en-US" sz="1050"/>
              <a:t> encapsulation for security.</a:t>
            </a:r>
          </a:p>
        </p:txBody>
      </p:sp>
      <p:pic>
        <p:nvPicPr>
          <p:cNvPr id="35" name="Picture 34">
            <a:extLst>
              <a:ext uri="{FF2B5EF4-FFF2-40B4-BE49-F238E27FC236}">
                <a16:creationId xmlns:a16="http://schemas.microsoft.com/office/drawing/2014/main" id="{E45A8597-AE47-436E-92D2-367B95BF019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442743" y="2752266"/>
            <a:ext cx="950229" cy="270715"/>
          </a:xfrm>
          <a:prstGeom prst="rect">
            <a:avLst/>
          </a:prstGeom>
        </p:spPr>
      </p:pic>
      <p:cxnSp>
        <p:nvCxnSpPr>
          <p:cNvPr id="38" name="Straight Connector 37">
            <a:extLst>
              <a:ext uri="{FF2B5EF4-FFF2-40B4-BE49-F238E27FC236}">
                <a16:creationId xmlns:a16="http://schemas.microsoft.com/office/drawing/2014/main" id="{FAB7B837-D0CE-484C-9952-D696ACFA93E2}"/>
              </a:ext>
            </a:extLst>
          </p:cNvPr>
          <p:cNvCxnSpPr>
            <a:cxnSpLocks/>
          </p:cNvCxnSpPr>
          <p:nvPr/>
        </p:nvCxnSpPr>
        <p:spPr bwMode="auto">
          <a:xfrm>
            <a:off x="6910388" y="2919074"/>
            <a:ext cx="532355" cy="4689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sp>
        <p:nvSpPr>
          <p:cNvPr id="41" name="TextBox 40">
            <a:extLst>
              <a:ext uri="{FF2B5EF4-FFF2-40B4-BE49-F238E27FC236}">
                <a16:creationId xmlns:a16="http://schemas.microsoft.com/office/drawing/2014/main" id="{FE39F2A1-AB36-496E-A579-2B83364D7C7A}"/>
              </a:ext>
            </a:extLst>
          </p:cNvPr>
          <p:cNvSpPr txBox="1"/>
          <p:nvPr/>
        </p:nvSpPr>
        <p:spPr>
          <a:xfrm rot="257128">
            <a:off x="4579173" y="2076770"/>
            <a:ext cx="849048" cy="223745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Bef>
                <a:spcPts val="600"/>
              </a:spcBef>
              <a:spcAft>
                <a:spcPct val="0"/>
              </a:spcAft>
              <a:buClrTx/>
            </a:pPr>
            <a:r>
              <a:rPr lang="en-US" sz="1050" kern="1000" spc="-23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BGP session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D365AA82-3528-490A-87B2-768E2830169A}"/>
              </a:ext>
            </a:extLst>
          </p:cNvPr>
          <p:cNvCxnSpPr>
            <a:stCxn id="86" idx="3"/>
            <a:endCxn id="35" idx="1"/>
          </p:cNvCxnSpPr>
          <p:nvPr/>
        </p:nvCxnSpPr>
        <p:spPr bwMode="auto">
          <a:xfrm>
            <a:off x="1890636" y="2533450"/>
            <a:ext cx="5552107" cy="354174"/>
          </a:xfrm>
          <a:prstGeom prst="line">
            <a:avLst/>
          </a:prstGeom>
          <a:solidFill>
            <a:schemeClr val="accent1"/>
          </a:solidFill>
          <a:ln w="57150" cap="flat" cmpd="sng" algn="ctr">
            <a:solidFill>
              <a:schemeClr val="bg2">
                <a:lumMod val="75000"/>
              </a:schemeClr>
            </a:solidFill>
            <a:prstDash val="solid"/>
            <a:round/>
            <a:headEnd type="none" w="med" len="med"/>
            <a:tailEnd type="none"/>
          </a:ln>
          <a:effectLst/>
        </p:spPr>
      </p:cxnSp>
      <p:sp>
        <p:nvSpPr>
          <p:cNvPr id="45" name="TextBox 44">
            <a:extLst>
              <a:ext uri="{FF2B5EF4-FFF2-40B4-BE49-F238E27FC236}">
                <a16:creationId xmlns:a16="http://schemas.microsoft.com/office/drawing/2014/main" id="{1BA1A31B-233B-4256-8C78-11F2ABECE271}"/>
              </a:ext>
            </a:extLst>
          </p:cNvPr>
          <p:cNvSpPr txBox="1"/>
          <p:nvPr/>
        </p:nvSpPr>
        <p:spPr>
          <a:xfrm rot="205564">
            <a:off x="4024762" y="2470889"/>
            <a:ext cx="1290096" cy="229955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Bef>
                <a:spcPts val="600"/>
              </a:spcBef>
              <a:spcAft>
                <a:spcPct val="0"/>
              </a:spcAft>
              <a:buClrTx/>
            </a:pPr>
            <a:r>
              <a:rPr lang="en-US" sz="1050" kern="1000" spc="-23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VXLAN/</a:t>
            </a:r>
            <a:r>
              <a:rPr lang="en-US" sz="1050" kern="1000" spc="-23" err="1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IPSec</a:t>
            </a:r>
            <a:r>
              <a:rPr lang="en-US" sz="1050" kern="1000" spc="-23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 tunnel</a:t>
            </a:r>
          </a:p>
        </p:txBody>
      </p: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6DE4CF18-5F49-4315-9423-DCEDF0DC5E35}"/>
              </a:ext>
            </a:extLst>
          </p:cNvPr>
          <p:cNvCxnSpPr>
            <a:cxnSpLocks/>
            <a:stCxn id="89" idx="3"/>
          </p:cNvCxnSpPr>
          <p:nvPr/>
        </p:nvCxnSpPr>
        <p:spPr bwMode="auto">
          <a:xfrm flipV="1">
            <a:off x="1890636" y="2887624"/>
            <a:ext cx="5536440" cy="62169"/>
          </a:xfrm>
          <a:prstGeom prst="line">
            <a:avLst/>
          </a:prstGeom>
          <a:solidFill>
            <a:schemeClr val="accent1"/>
          </a:solidFill>
          <a:ln w="57150" cap="flat" cmpd="sng" algn="ctr">
            <a:solidFill>
              <a:schemeClr val="bg2">
                <a:lumMod val="75000"/>
              </a:schemeClr>
            </a:solidFill>
            <a:prstDash val="solid"/>
            <a:round/>
            <a:headEnd type="none" w="med" len="med"/>
            <a:tailEnd type="none"/>
          </a:ln>
          <a:effectLst/>
        </p:spPr>
      </p:cxnSp>
      <p:sp>
        <p:nvSpPr>
          <p:cNvPr id="39" name="Freeform: Shape 38">
            <a:extLst>
              <a:ext uri="{FF2B5EF4-FFF2-40B4-BE49-F238E27FC236}">
                <a16:creationId xmlns:a16="http://schemas.microsoft.com/office/drawing/2014/main" id="{33BA1822-23A8-41F5-AC00-6AA4F8BFCC9D}"/>
              </a:ext>
            </a:extLst>
          </p:cNvPr>
          <p:cNvSpPr/>
          <p:nvPr/>
        </p:nvSpPr>
        <p:spPr bwMode="auto">
          <a:xfrm rot="215473">
            <a:off x="1896232" y="2284746"/>
            <a:ext cx="5569391" cy="424654"/>
          </a:xfrm>
          <a:custGeom>
            <a:avLst/>
            <a:gdLst>
              <a:gd name="connsiteX0" fmla="*/ 0 w 3596640"/>
              <a:gd name="connsiteY0" fmla="*/ 243934 h 243934"/>
              <a:gd name="connsiteX1" fmla="*/ 1775460 w 3596640"/>
              <a:gd name="connsiteY1" fmla="*/ 94 h 243934"/>
              <a:gd name="connsiteX2" fmla="*/ 3596640 w 3596640"/>
              <a:gd name="connsiteY2" fmla="*/ 221074 h 2439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596640" h="243934">
                <a:moveTo>
                  <a:pt x="0" y="243934"/>
                </a:moveTo>
                <a:cubicBezTo>
                  <a:pt x="588010" y="123919"/>
                  <a:pt x="1176020" y="3904"/>
                  <a:pt x="1775460" y="94"/>
                </a:cubicBezTo>
                <a:cubicBezTo>
                  <a:pt x="2374900" y="-3716"/>
                  <a:pt x="2985770" y="108679"/>
                  <a:pt x="3596640" y="221074"/>
                </a:cubicBezTo>
              </a:path>
            </a:pathLst>
          </a:custGeom>
          <a:noFill/>
          <a:ln w="12700" cap="flat" cmpd="sng" algn="ctr">
            <a:solidFill>
              <a:schemeClr val="tx1">
                <a:lumMod val="75000"/>
                <a:lumOff val="25000"/>
              </a:schemeClr>
            </a:solidFill>
            <a:prstDash val="solid"/>
            <a:round/>
            <a:headEnd type="arrow" w="med" len="med"/>
            <a:tailEnd type="arrow" w="med" len="med"/>
          </a:ln>
          <a:effectLst/>
        </p:spPr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50" name="Freeform: Shape 49">
            <a:extLst>
              <a:ext uri="{FF2B5EF4-FFF2-40B4-BE49-F238E27FC236}">
                <a16:creationId xmlns:a16="http://schemas.microsoft.com/office/drawing/2014/main" id="{3DEF639F-78BB-4D4E-B829-9D04EF182A7C}"/>
              </a:ext>
            </a:extLst>
          </p:cNvPr>
          <p:cNvSpPr/>
          <p:nvPr/>
        </p:nvSpPr>
        <p:spPr bwMode="auto">
          <a:xfrm rot="10800000">
            <a:off x="1881991" y="2924900"/>
            <a:ext cx="5569391" cy="484749"/>
          </a:xfrm>
          <a:custGeom>
            <a:avLst/>
            <a:gdLst>
              <a:gd name="connsiteX0" fmla="*/ 0 w 3596640"/>
              <a:gd name="connsiteY0" fmla="*/ 243934 h 243934"/>
              <a:gd name="connsiteX1" fmla="*/ 1775460 w 3596640"/>
              <a:gd name="connsiteY1" fmla="*/ 94 h 243934"/>
              <a:gd name="connsiteX2" fmla="*/ 3596640 w 3596640"/>
              <a:gd name="connsiteY2" fmla="*/ 221074 h 2439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596640" h="243934">
                <a:moveTo>
                  <a:pt x="0" y="243934"/>
                </a:moveTo>
                <a:cubicBezTo>
                  <a:pt x="588010" y="123919"/>
                  <a:pt x="1176020" y="3904"/>
                  <a:pt x="1775460" y="94"/>
                </a:cubicBezTo>
                <a:cubicBezTo>
                  <a:pt x="2374900" y="-3716"/>
                  <a:pt x="2985770" y="108679"/>
                  <a:pt x="3596640" y="221074"/>
                </a:cubicBezTo>
              </a:path>
            </a:pathLst>
          </a:custGeom>
          <a:noFill/>
          <a:ln w="12700" cap="flat" cmpd="sng" algn="ctr">
            <a:solidFill>
              <a:schemeClr val="tx1">
                <a:lumMod val="75000"/>
                <a:lumOff val="25000"/>
              </a:schemeClr>
            </a:solidFill>
            <a:prstDash val="solid"/>
            <a:round/>
            <a:headEnd type="arrow" w="med" len="med"/>
            <a:tailEnd type="arrow" w="med" len="med"/>
          </a:ln>
          <a:effectLst/>
        </p:spPr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339E8698-6A86-4368-90B3-DCDD9EC229E6}"/>
              </a:ext>
            </a:extLst>
          </p:cNvPr>
          <p:cNvSpPr txBox="1"/>
          <p:nvPr/>
        </p:nvSpPr>
        <p:spPr>
          <a:xfrm>
            <a:off x="4242162" y="3435610"/>
            <a:ext cx="849048" cy="223745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Bef>
                <a:spcPts val="600"/>
              </a:spcBef>
              <a:spcAft>
                <a:spcPct val="0"/>
              </a:spcAft>
              <a:buClrTx/>
            </a:pPr>
            <a:r>
              <a:rPr lang="en-US" sz="1050" kern="1000" spc="-23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BGP session</a:t>
            </a:r>
          </a:p>
        </p:txBody>
      </p:sp>
      <p:grpSp>
        <p:nvGrpSpPr>
          <p:cNvPr id="53" name="Group 52">
            <a:extLst>
              <a:ext uri="{FF2B5EF4-FFF2-40B4-BE49-F238E27FC236}">
                <a16:creationId xmlns:a16="http://schemas.microsoft.com/office/drawing/2014/main" id="{2FA6F805-A11B-4695-9107-A907DB7136A6}"/>
              </a:ext>
            </a:extLst>
          </p:cNvPr>
          <p:cNvGrpSpPr/>
          <p:nvPr/>
        </p:nvGrpSpPr>
        <p:grpSpPr>
          <a:xfrm>
            <a:off x="1331561" y="2354612"/>
            <a:ext cx="397613" cy="716790"/>
            <a:chOff x="1775415" y="3139483"/>
            <a:chExt cx="530150" cy="955720"/>
          </a:xfrm>
        </p:grpSpPr>
        <p:sp>
          <p:nvSpPr>
            <p:cNvPr id="54" name="Trapezoid 53">
              <a:extLst>
                <a:ext uri="{FF2B5EF4-FFF2-40B4-BE49-F238E27FC236}">
                  <a16:creationId xmlns:a16="http://schemas.microsoft.com/office/drawing/2014/main" id="{9E253EFA-946C-4439-B2DB-0C8686AFDEF7}"/>
                </a:ext>
              </a:extLst>
            </p:cNvPr>
            <p:cNvSpPr/>
            <p:nvPr/>
          </p:nvSpPr>
          <p:spPr bwMode="auto">
            <a:xfrm rot="5400000">
              <a:off x="1529087" y="3417960"/>
              <a:ext cx="955720" cy="398766"/>
            </a:xfrm>
            <a:prstGeom prst="trapezoid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35000" indent="-135000">
                <a:spcBef>
                  <a:spcPts val="6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55" name="TextBox 54">
              <a:extLst>
                <a:ext uri="{FF2B5EF4-FFF2-40B4-BE49-F238E27FC236}">
                  <a16:creationId xmlns:a16="http://schemas.microsoft.com/office/drawing/2014/main" id="{74D04FAE-1C9D-4944-8C60-E935BBE78F83}"/>
                </a:ext>
              </a:extLst>
            </p:cNvPr>
            <p:cNvSpPr txBox="1"/>
            <p:nvPr/>
          </p:nvSpPr>
          <p:spPr>
            <a:xfrm>
              <a:off x="1775415" y="3501927"/>
              <a:ext cx="530150" cy="261611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altLang="LID4096" sz="675"/>
                <a:t>fabric</a:t>
              </a:r>
              <a:endParaRPr lang="en-US" sz="675"/>
            </a:p>
          </p:txBody>
        </p:sp>
      </p:grpSp>
      <p:sp>
        <p:nvSpPr>
          <p:cNvPr id="40" name="TextBox 39">
            <a:extLst>
              <a:ext uri="{FF2B5EF4-FFF2-40B4-BE49-F238E27FC236}">
                <a16:creationId xmlns:a16="http://schemas.microsoft.com/office/drawing/2014/main" id="{DA35DF4A-1862-4DF9-9CCA-26B94CF6AA16}"/>
              </a:ext>
            </a:extLst>
          </p:cNvPr>
          <p:cNvSpPr txBox="1"/>
          <p:nvPr/>
        </p:nvSpPr>
        <p:spPr>
          <a:xfrm>
            <a:off x="4412633" y="2957101"/>
            <a:ext cx="1305626" cy="223745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Bef>
                <a:spcPts val="600"/>
              </a:spcBef>
              <a:spcAft>
                <a:spcPct val="0"/>
              </a:spcAft>
              <a:buClrTx/>
            </a:pPr>
            <a:r>
              <a:rPr lang="en-US" sz="1050" kern="1000" spc="-23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VXLAN/</a:t>
            </a:r>
            <a:r>
              <a:rPr lang="en-US" sz="1050" kern="1000" spc="-23" err="1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IPSec</a:t>
            </a:r>
            <a:r>
              <a:rPr lang="en-US" sz="1050" kern="1000" spc="-23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 tunnel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6BB4E78E-C088-4856-84AD-22B6CCC30F1A}"/>
              </a:ext>
            </a:extLst>
          </p:cNvPr>
          <p:cNvSpPr txBox="1"/>
          <p:nvPr/>
        </p:nvSpPr>
        <p:spPr>
          <a:xfrm>
            <a:off x="2394926" y="1312310"/>
            <a:ext cx="4572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800" b="1">
                <a:solidFill>
                  <a:schemeClr val="tx1">
                    <a:lumMod val="50000"/>
                    <a:lumOff val="50000"/>
                  </a:schemeClr>
                </a:solidFill>
              </a:rPr>
              <a:t>EVPN implementation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02F89623-00E3-40CD-947C-370536818823}"/>
              </a:ext>
            </a:extLst>
          </p:cNvPr>
          <p:cNvSpPr txBox="1"/>
          <p:nvPr/>
        </p:nvSpPr>
        <p:spPr>
          <a:xfrm>
            <a:off x="7344847" y="3014624"/>
            <a:ext cx="1459454" cy="369332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900"/>
              <a:t>Server with EVPN GW functionality on the </a:t>
            </a:r>
            <a:r>
              <a:rPr lang="en-US" sz="900" err="1"/>
              <a:t>xPU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CEB24C4-6558-9C59-FEDB-85A0C045E131}"/>
              </a:ext>
            </a:extLst>
          </p:cNvPr>
          <p:cNvSpPr txBox="1"/>
          <p:nvPr/>
        </p:nvSpPr>
        <p:spPr>
          <a:xfrm>
            <a:off x="7442743" y="2397986"/>
            <a:ext cx="10813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altLang="LID4096" sz="900"/>
              <a:t>Telco Edge or enterprise site</a:t>
            </a:r>
            <a:endParaRPr lang="en-US" sz="900"/>
          </a:p>
        </p:txBody>
      </p:sp>
    </p:spTree>
    <p:extLst>
      <p:ext uri="{BB962C8B-B14F-4D97-AF65-F5344CB8AC3E}">
        <p14:creationId xmlns:p14="http://schemas.microsoft.com/office/powerpoint/2010/main" val="226516901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>
            <a:extLst>
              <a:ext uri="{FF2B5EF4-FFF2-40B4-BE49-F238E27FC236}">
                <a16:creationId xmlns:a16="http://schemas.microsoft.com/office/drawing/2014/main" id="{3E063BAC-C063-46C3-B522-99D3C49835F9}"/>
              </a:ext>
            </a:extLst>
          </p:cNvPr>
          <p:cNvGrpSpPr/>
          <p:nvPr/>
        </p:nvGrpSpPr>
        <p:grpSpPr>
          <a:xfrm>
            <a:off x="903589" y="2024963"/>
            <a:ext cx="1164125" cy="1644994"/>
            <a:chOff x="1204784" y="2699950"/>
            <a:chExt cx="1552167" cy="2193325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DE2895C8-8483-4AEC-976D-F918A152E907}"/>
                </a:ext>
              </a:extLst>
            </p:cNvPr>
            <p:cNvSpPr/>
            <p:nvPr/>
          </p:nvSpPr>
          <p:spPr bwMode="auto">
            <a:xfrm>
              <a:off x="1204784" y="2699950"/>
              <a:ext cx="1552167" cy="2193325"/>
            </a:xfrm>
            <a:prstGeom prst="round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35000" indent="-135000">
                <a:spcBef>
                  <a:spcPts val="6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C46944E3-6852-43D5-BA36-2DC69C06E185}"/>
                </a:ext>
              </a:extLst>
            </p:cNvPr>
            <p:cNvSpPr txBox="1"/>
            <p:nvPr/>
          </p:nvSpPr>
          <p:spPr>
            <a:xfrm>
              <a:off x="1308050" y="4590620"/>
              <a:ext cx="914400" cy="302655"/>
            </a:xfrm>
            <a:prstGeom prst="rect">
              <a:avLst/>
            </a:prstGeom>
          </p:spPr>
          <p:txBody>
            <a:bodyPr vert="horz" wrap="none" lIns="54000" tIns="27000" rIns="54000" bIns="27000" rtlCol="0" anchor="t">
              <a:noAutofit/>
            </a:bodyPr>
            <a:lstStyle/>
            <a:p>
              <a:pPr defTabSz="685800" fontAlgn="base">
                <a:spcBef>
                  <a:spcPts val="600"/>
                </a:spcBef>
                <a:spcAft>
                  <a:spcPct val="0"/>
                </a:spcAft>
                <a:buClrTx/>
              </a:pPr>
              <a:r>
                <a:rPr lang="en-US" sz="1050" kern="1000" spc="-23">
                  <a:solidFill>
                    <a:srgbClr val="181818"/>
                  </a:solidFill>
                  <a:latin typeface="Ericsson Hilda"/>
                  <a:ea typeface="+mn-ea"/>
                  <a:cs typeface="+mn-cs"/>
                </a:rPr>
                <a:t>Datacenter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68FEBDA0-E75A-4562-ACA9-4A9F8F60DD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Network scenario</a:t>
            </a:r>
          </a:p>
        </p:txBody>
      </p:sp>
      <p:cxnSp>
        <p:nvCxnSpPr>
          <p:cNvPr id="82" name="Straight Connector 81">
            <a:extLst>
              <a:ext uri="{FF2B5EF4-FFF2-40B4-BE49-F238E27FC236}">
                <a16:creationId xmlns:a16="http://schemas.microsoft.com/office/drawing/2014/main" id="{50C1DBC0-0FAB-45DF-ACC1-D5D432AAF37D}"/>
              </a:ext>
            </a:extLst>
          </p:cNvPr>
          <p:cNvCxnSpPr>
            <a:cxnSpLocks/>
          </p:cNvCxnSpPr>
          <p:nvPr/>
        </p:nvCxnSpPr>
        <p:spPr bwMode="auto">
          <a:xfrm>
            <a:off x="6910388" y="2919074"/>
            <a:ext cx="532355" cy="4689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pic>
        <p:nvPicPr>
          <p:cNvPr id="67" name="Picture 8">
            <a:extLst>
              <a:ext uri="{FF2B5EF4-FFF2-40B4-BE49-F238E27FC236}">
                <a16:creationId xmlns:a16="http://schemas.microsoft.com/office/drawing/2014/main" id="{979A9616-24D9-47E5-8004-0951FC5F52D9}"/>
              </a:ext>
            </a:extLst>
          </p:cNvPr>
          <p:cNvPicPr>
            <a:picLocks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48584" y="2193850"/>
            <a:ext cx="1853804" cy="9840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50" name="Group 65">
            <a:extLst>
              <a:ext uri="{FF2B5EF4-FFF2-40B4-BE49-F238E27FC236}">
                <a16:creationId xmlns:a16="http://schemas.microsoft.com/office/drawing/2014/main" id="{7A708184-7321-4AAF-987D-BFBBEDB29544}"/>
              </a:ext>
            </a:extLst>
          </p:cNvPr>
          <p:cNvGrpSpPr>
            <a:grpSpLocks/>
          </p:cNvGrpSpPr>
          <p:nvPr/>
        </p:nvGrpSpPr>
        <p:grpSpPr bwMode="auto">
          <a:xfrm>
            <a:off x="3499455" y="1988377"/>
            <a:ext cx="2552702" cy="1345406"/>
            <a:chOff x="1984" y="1671"/>
            <a:chExt cx="2144" cy="1130"/>
          </a:xfrm>
        </p:grpSpPr>
        <p:pic>
          <p:nvPicPr>
            <p:cNvPr id="51" name="Picture 8">
              <a:extLst>
                <a:ext uri="{FF2B5EF4-FFF2-40B4-BE49-F238E27FC236}">
                  <a16:creationId xmlns:a16="http://schemas.microsoft.com/office/drawing/2014/main" id="{6F9584E5-22A7-4B54-A6D8-7EAB9A98D757}"/>
                </a:ext>
              </a:extLst>
            </p:cNvPr>
            <p:cNvPicPr>
              <a:picLocks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984" y="1671"/>
              <a:ext cx="2144" cy="113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5" name="Text Box 13">
              <a:extLst>
                <a:ext uri="{FF2B5EF4-FFF2-40B4-BE49-F238E27FC236}">
                  <a16:creationId xmlns:a16="http://schemas.microsoft.com/office/drawing/2014/main" id="{AD756B8B-5184-4679-A867-E6AE203C9C23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2325" y="2130"/>
              <a:ext cx="1506" cy="25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squar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1350"/>
                <a:t>Arbitrary IP transport</a:t>
              </a:r>
            </a:p>
          </p:txBody>
        </p:sp>
      </p:grpSp>
      <p:pic>
        <p:nvPicPr>
          <p:cNvPr id="73" name="Picture 8">
            <a:extLst>
              <a:ext uri="{FF2B5EF4-FFF2-40B4-BE49-F238E27FC236}">
                <a16:creationId xmlns:a16="http://schemas.microsoft.com/office/drawing/2014/main" id="{57DAC63A-0E48-4324-8D1C-AF9211A10D1F}"/>
              </a:ext>
            </a:extLst>
          </p:cNvPr>
          <p:cNvPicPr>
            <a:picLocks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19858" y="3151204"/>
            <a:ext cx="1232297" cy="8548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4" name="Picture 8">
            <a:extLst>
              <a:ext uri="{FF2B5EF4-FFF2-40B4-BE49-F238E27FC236}">
                <a16:creationId xmlns:a16="http://schemas.microsoft.com/office/drawing/2014/main" id="{82AFFD5D-4080-48C2-BC24-6FB9A88231BE}"/>
              </a:ext>
            </a:extLst>
          </p:cNvPr>
          <p:cNvPicPr>
            <a:picLocks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7753" y="2354613"/>
            <a:ext cx="1232297" cy="8548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5" name="Picture 8">
            <a:extLst>
              <a:ext uri="{FF2B5EF4-FFF2-40B4-BE49-F238E27FC236}">
                <a16:creationId xmlns:a16="http://schemas.microsoft.com/office/drawing/2014/main" id="{9D482273-61F9-46DE-8B4F-0DD70CDFA138}"/>
              </a:ext>
            </a:extLst>
          </p:cNvPr>
          <p:cNvPicPr>
            <a:picLocks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20466" y="1412526"/>
            <a:ext cx="1232297" cy="8548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6" name="Picture 46" descr="SmartEdge_Router.wmf">
            <a:extLst>
              <a:ext uri="{FF2B5EF4-FFF2-40B4-BE49-F238E27FC236}">
                <a16:creationId xmlns:a16="http://schemas.microsoft.com/office/drawing/2014/main" id="{C0CBB3AD-4993-4386-B40C-19896D466D9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96564" y="2397718"/>
            <a:ext cx="194072" cy="271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7" name="Text Box 375">
            <a:extLst>
              <a:ext uri="{FF2B5EF4-FFF2-40B4-BE49-F238E27FC236}">
                <a16:creationId xmlns:a16="http://schemas.microsoft.com/office/drawing/2014/main" id="{FF4DA873-6E17-4801-9A57-BE44F37A8D8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665694" y="2527639"/>
            <a:ext cx="300082" cy="19620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tx2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chemeClr val="tx2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/>
            <a:r>
              <a:rPr lang="en-US" altLang="LID4096" sz="675"/>
              <a:t>PE</a:t>
            </a:r>
          </a:p>
        </p:txBody>
      </p:sp>
      <p:grpSp>
        <p:nvGrpSpPr>
          <p:cNvPr id="88" name="Group 87">
            <a:extLst>
              <a:ext uri="{FF2B5EF4-FFF2-40B4-BE49-F238E27FC236}">
                <a16:creationId xmlns:a16="http://schemas.microsoft.com/office/drawing/2014/main" id="{18EFEF44-4738-46B8-853B-9501179940F3}"/>
              </a:ext>
            </a:extLst>
          </p:cNvPr>
          <p:cNvGrpSpPr/>
          <p:nvPr/>
        </p:nvGrpSpPr>
        <p:grpSpPr>
          <a:xfrm>
            <a:off x="1666840" y="2814063"/>
            <a:ext cx="300082" cy="322159"/>
            <a:chOff x="4003727" y="2157413"/>
            <a:chExt cx="400108" cy="429544"/>
          </a:xfrm>
        </p:grpSpPr>
        <p:pic>
          <p:nvPicPr>
            <p:cNvPr id="89" name="Picture 46" descr="SmartEdge_Router.wmf">
              <a:extLst>
                <a:ext uri="{FF2B5EF4-FFF2-40B4-BE49-F238E27FC236}">
                  <a16:creationId xmlns:a16="http://schemas.microsoft.com/office/drawing/2014/main" id="{D7B9D621-DCFF-427A-93B9-0C6BA5BCBEE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43363" y="2157413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0" name="Text Box 375">
              <a:extLst>
                <a:ext uri="{FF2B5EF4-FFF2-40B4-BE49-F238E27FC236}">
                  <a16:creationId xmlns:a16="http://schemas.microsoft.com/office/drawing/2014/main" id="{C97C55E0-E938-4DD8-996E-F3FC6DD7A95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4003727" y="2325347"/>
              <a:ext cx="400108" cy="26161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675"/>
                <a:t>PE</a:t>
              </a:r>
            </a:p>
          </p:txBody>
        </p:sp>
      </p:grpSp>
      <p:sp>
        <p:nvSpPr>
          <p:cNvPr id="9" name="Rectangle 8">
            <a:extLst>
              <a:ext uri="{FF2B5EF4-FFF2-40B4-BE49-F238E27FC236}">
                <a16:creationId xmlns:a16="http://schemas.microsoft.com/office/drawing/2014/main" id="{C7B6CA27-256E-4DD5-A63D-27FF66E7808F}"/>
              </a:ext>
            </a:extLst>
          </p:cNvPr>
          <p:cNvSpPr/>
          <p:nvPr/>
        </p:nvSpPr>
        <p:spPr bwMode="auto">
          <a:xfrm>
            <a:off x="1024829" y="2318693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1" name="Rectangle 90">
            <a:extLst>
              <a:ext uri="{FF2B5EF4-FFF2-40B4-BE49-F238E27FC236}">
                <a16:creationId xmlns:a16="http://schemas.microsoft.com/office/drawing/2014/main" id="{1E9D2868-B547-4DAA-A235-6A4E934A6851}"/>
              </a:ext>
            </a:extLst>
          </p:cNvPr>
          <p:cNvSpPr/>
          <p:nvPr/>
        </p:nvSpPr>
        <p:spPr bwMode="auto">
          <a:xfrm>
            <a:off x="1024829" y="24332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2" name="Rectangle 91">
            <a:extLst>
              <a:ext uri="{FF2B5EF4-FFF2-40B4-BE49-F238E27FC236}">
                <a16:creationId xmlns:a16="http://schemas.microsoft.com/office/drawing/2014/main" id="{F30B72D8-9043-497D-9290-BE629022BD0B}"/>
              </a:ext>
            </a:extLst>
          </p:cNvPr>
          <p:cNvSpPr/>
          <p:nvPr/>
        </p:nvSpPr>
        <p:spPr bwMode="auto">
          <a:xfrm>
            <a:off x="1024829" y="25475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id="{345908EF-3D02-47AF-8370-B20474A1679E}"/>
              </a:ext>
            </a:extLst>
          </p:cNvPr>
          <p:cNvSpPr/>
          <p:nvPr/>
        </p:nvSpPr>
        <p:spPr bwMode="auto">
          <a:xfrm>
            <a:off x="1024829" y="26618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4" name="Rectangle 93">
            <a:extLst>
              <a:ext uri="{FF2B5EF4-FFF2-40B4-BE49-F238E27FC236}">
                <a16:creationId xmlns:a16="http://schemas.microsoft.com/office/drawing/2014/main" id="{9107308A-4A99-4B2B-B09D-C1716F33E500}"/>
              </a:ext>
            </a:extLst>
          </p:cNvPr>
          <p:cNvSpPr/>
          <p:nvPr/>
        </p:nvSpPr>
        <p:spPr bwMode="auto">
          <a:xfrm>
            <a:off x="1024829" y="27761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5" name="Rectangle 94">
            <a:extLst>
              <a:ext uri="{FF2B5EF4-FFF2-40B4-BE49-F238E27FC236}">
                <a16:creationId xmlns:a16="http://schemas.microsoft.com/office/drawing/2014/main" id="{9B2FCD20-3B01-4A0D-BA3B-52E95E4CEB8D}"/>
              </a:ext>
            </a:extLst>
          </p:cNvPr>
          <p:cNvSpPr/>
          <p:nvPr/>
        </p:nvSpPr>
        <p:spPr bwMode="auto">
          <a:xfrm>
            <a:off x="1024829" y="28904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B4DA9F8B-9F88-4C87-8A36-248B67931946}"/>
              </a:ext>
            </a:extLst>
          </p:cNvPr>
          <p:cNvSpPr/>
          <p:nvPr/>
        </p:nvSpPr>
        <p:spPr bwMode="auto">
          <a:xfrm>
            <a:off x="1024829" y="30047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129" name="Group 128">
            <a:extLst>
              <a:ext uri="{FF2B5EF4-FFF2-40B4-BE49-F238E27FC236}">
                <a16:creationId xmlns:a16="http://schemas.microsoft.com/office/drawing/2014/main" id="{66DC4EAD-8548-42C2-8724-E0EA690F3109}"/>
              </a:ext>
            </a:extLst>
          </p:cNvPr>
          <p:cNvGrpSpPr/>
          <p:nvPr/>
        </p:nvGrpSpPr>
        <p:grpSpPr>
          <a:xfrm>
            <a:off x="1331561" y="2354612"/>
            <a:ext cx="397613" cy="716790"/>
            <a:chOff x="1775415" y="3139483"/>
            <a:chExt cx="530150" cy="955720"/>
          </a:xfrm>
        </p:grpSpPr>
        <p:sp>
          <p:nvSpPr>
            <p:cNvPr id="11" name="Trapezoid 10">
              <a:extLst>
                <a:ext uri="{FF2B5EF4-FFF2-40B4-BE49-F238E27FC236}">
                  <a16:creationId xmlns:a16="http://schemas.microsoft.com/office/drawing/2014/main" id="{76B4401B-6EB0-4719-96B2-1E9974B22300}"/>
                </a:ext>
              </a:extLst>
            </p:cNvPr>
            <p:cNvSpPr/>
            <p:nvPr/>
          </p:nvSpPr>
          <p:spPr bwMode="auto">
            <a:xfrm rot="5400000">
              <a:off x="1529087" y="3417960"/>
              <a:ext cx="955720" cy="398766"/>
            </a:xfrm>
            <a:prstGeom prst="trapezoid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35000" indent="-135000">
                <a:spcBef>
                  <a:spcPts val="6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97" name="TextBox 96">
              <a:extLst>
                <a:ext uri="{FF2B5EF4-FFF2-40B4-BE49-F238E27FC236}">
                  <a16:creationId xmlns:a16="http://schemas.microsoft.com/office/drawing/2014/main" id="{5CCB72F1-FA53-47B7-A3FE-7BCE2A6C80C4}"/>
                </a:ext>
              </a:extLst>
            </p:cNvPr>
            <p:cNvSpPr txBox="1"/>
            <p:nvPr/>
          </p:nvSpPr>
          <p:spPr>
            <a:xfrm>
              <a:off x="1775415" y="3501927"/>
              <a:ext cx="530150" cy="261611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altLang="LID4096" sz="675"/>
                <a:t>fabric</a:t>
              </a:r>
              <a:endParaRPr lang="en-US" sz="675"/>
            </a:p>
          </p:txBody>
        </p:sp>
      </p:grpSp>
      <p:sp>
        <p:nvSpPr>
          <p:cNvPr id="98" name="TextBox 97">
            <a:extLst>
              <a:ext uri="{FF2B5EF4-FFF2-40B4-BE49-F238E27FC236}">
                <a16:creationId xmlns:a16="http://schemas.microsoft.com/office/drawing/2014/main" id="{7F5FE8E7-FD0C-4023-8B75-EC53AB89191A}"/>
              </a:ext>
            </a:extLst>
          </p:cNvPr>
          <p:cNvSpPr txBox="1"/>
          <p:nvPr/>
        </p:nvSpPr>
        <p:spPr>
          <a:xfrm>
            <a:off x="951251" y="3084921"/>
            <a:ext cx="470222" cy="19620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altLang="LID4096" sz="675"/>
              <a:t>servers</a:t>
            </a:r>
            <a:endParaRPr lang="en-US" sz="675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14F15D0F-0A01-4C27-8005-02937C778A29}"/>
              </a:ext>
            </a:extLst>
          </p:cNvPr>
          <p:cNvCxnSpPr>
            <a:cxnSpLocks/>
            <a:stCxn id="89" idx="0"/>
            <a:endCxn id="86" idx="2"/>
          </p:cNvCxnSpPr>
          <p:nvPr/>
        </p:nvCxnSpPr>
        <p:spPr bwMode="auto">
          <a:xfrm flipV="1">
            <a:off x="1793600" y="2669181"/>
            <a:ext cx="0" cy="14488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322317A3-6633-4054-8D01-9515BFAB5C44}"/>
              </a:ext>
            </a:extLst>
          </p:cNvPr>
          <p:cNvCxnSpPr>
            <a:cxnSpLocks/>
          </p:cNvCxnSpPr>
          <p:nvPr/>
        </p:nvCxnSpPr>
        <p:spPr bwMode="auto">
          <a:xfrm>
            <a:off x="1890358" y="2527639"/>
            <a:ext cx="99941" cy="82544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99" name="Straight Connector 98">
            <a:extLst>
              <a:ext uri="{FF2B5EF4-FFF2-40B4-BE49-F238E27FC236}">
                <a16:creationId xmlns:a16="http://schemas.microsoft.com/office/drawing/2014/main" id="{B623D9B2-6C31-465F-93D5-4E1C4C100FCD}"/>
              </a:ext>
            </a:extLst>
          </p:cNvPr>
          <p:cNvCxnSpPr>
            <a:cxnSpLocks/>
            <a:stCxn id="89" idx="3"/>
          </p:cNvCxnSpPr>
          <p:nvPr/>
        </p:nvCxnSpPr>
        <p:spPr bwMode="auto">
          <a:xfrm flipV="1">
            <a:off x="1890637" y="2826713"/>
            <a:ext cx="118613" cy="12308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pic>
        <p:nvPicPr>
          <p:cNvPr id="113" name="Picture 112">
            <a:extLst>
              <a:ext uri="{FF2B5EF4-FFF2-40B4-BE49-F238E27FC236}">
                <a16:creationId xmlns:a16="http://schemas.microsoft.com/office/drawing/2014/main" id="{E5D548F7-50F5-4AE7-872E-CDE89E832D3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442743" y="2752266"/>
            <a:ext cx="950229" cy="270715"/>
          </a:xfrm>
          <a:prstGeom prst="rect">
            <a:avLst/>
          </a:prstGeom>
        </p:spPr>
      </p:pic>
      <p:sp>
        <p:nvSpPr>
          <p:cNvPr id="114" name="TextBox 113">
            <a:extLst>
              <a:ext uri="{FF2B5EF4-FFF2-40B4-BE49-F238E27FC236}">
                <a16:creationId xmlns:a16="http://schemas.microsoft.com/office/drawing/2014/main" id="{BBA36B5D-7B70-4A92-AA52-095BF3F1F7A6}"/>
              </a:ext>
            </a:extLst>
          </p:cNvPr>
          <p:cNvSpPr txBox="1"/>
          <p:nvPr/>
        </p:nvSpPr>
        <p:spPr>
          <a:xfrm>
            <a:off x="7442743" y="2410582"/>
            <a:ext cx="10813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altLang="LID4096" sz="900"/>
              <a:t>Telco Edge or enterprise site</a:t>
            </a:r>
            <a:endParaRPr lang="en-US" sz="900"/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DCAA5D20-4DD0-49E5-B4C8-C867B29A62B6}"/>
              </a:ext>
            </a:extLst>
          </p:cNvPr>
          <p:cNvSpPr txBox="1"/>
          <p:nvPr/>
        </p:nvSpPr>
        <p:spPr>
          <a:xfrm>
            <a:off x="7270841" y="2968751"/>
            <a:ext cx="1459454" cy="369332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algn="ctr"/>
            <a:r>
              <a:rPr lang="en-US" sz="900"/>
              <a:t>Server with EVPN GW functionality on the </a:t>
            </a:r>
            <a:r>
              <a:rPr lang="en-US" sz="900" err="1"/>
              <a:t>xPU</a:t>
            </a:r>
          </a:p>
        </p:txBody>
      </p:sp>
      <p:cxnSp>
        <p:nvCxnSpPr>
          <p:cNvPr id="121" name="Straight Connector 120">
            <a:extLst>
              <a:ext uri="{FF2B5EF4-FFF2-40B4-BE49-F238E27FC236}">
                <a16:creationId xmlns:a16="http://schemas.microsoft.com/office/drawing/2014/main" id="{19734B1B-52D4-4300-8BF3-4F8335FC4B48}"/>
              </a:ext>
            </a:extLst>
          </p:cNvPr>
          <p:cNvCxnSpPr>
            <a:cxnSpLocks/>
          </p:cNvCxnSpPr>
          <p:nvPr/>
        </p:nvCxnSpPr>
        <p:spPr bwMode="auto">
          <a:xfrm>
            <a:off x="6144809" y="1816602"/>
            <a:ext cx="532355" cy="4689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pic>
        <p:nvPicPr>
          <p:cNvPr id="122" name="Picture 121">
            <a:extLst>
              <a:ext uri="{FF2B5EF4-FFF2-40B4-BE49-F238E27FC236}">
                <a16:creationId xmlns:a16="http://schemas.microsoft.com/office/drawing/2014/main" id="{67620268-A264-48D0-BCC9-03760D2AEE5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77164" y="1649794"/>
            <a:ext cx="950229" cy="270715"/>
          </a:xfrm>
          <a:prstGeom prst="rect">
            <a:avLst/>
          </a:prstGeom>
        </p:spPr>
      </p:pic>
      <p:sp>
        <p:nvSpPr>
          <p:cNvPr id="123" name="TextBox 122">
            <a:extLst>
              <a:ext uri="{FF2B5EF4-FFF2-40B4-BE49-F238E27FC236}">
                <a16:creationId xmlns:a16="http://schemas.microsoft.com/office/drawing/2014/main" id="{C5188EB9-3D56-45D9-AE44-A796ABE35937}"/>
              </a:ext>
            </a:extLst>
          </p:cNvPr>
          <p:cNvSpPr txBox="1"/>
          <p:nvPr/>
        </p:nvSpPr>
        <p:spPr>
          <a:xfrm>
            <a:off x="6730157" y="1318318"/>
            <a:ext cx="10813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altLang="LID4096" sz="900"/>
              <a:t>Telco Edge or enterprise site</a:t>
            </a:r>
            <a:endParaRPr lang="en-US" sz="900"/>
          </a:p>
        </p:txBody>
      </p:sp>
      <p:sp>
        <p:nvSpPr>
          <p:cNvPr id="124" name="TextBox 123">
            <a:extLst>
              <a:ext uri="{FF2B5EF4-FFF2-40B4-BE49-F238E27FC236}">
                <a16:creationId xmlns:a16="http://schemas.microsoft.com/office/drawing/2014/main" id="{66B0090C-0433-479F-BF10-6B6748C6A441}"/>
              </a:ext>
            </a:extLst>
          </p:cNvPr>
          <p:cNvSpPr txBox="1"/>
          <p:nvPr/>
        </p:nvSpPr>
        <p:spPr>
          <a:xfrm>
            <a:off x="6564195" y="1897470"/>
            <a:ext cx="1388255" cy="369332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algn="ctr"/>
            <a:r>
              <a:rPr lang="en-US" sz="900"/>
              <a:t>Server with EVPN GW functionality on the </a:t>
            </a:r>
            <a:r>
              <a:rPr lang="en-US" sz="900" err="1"/>
              <a:t>xPU</a:t>
            </a:r>
          </a:p>
        </p:txBody>
      </p: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id="{9422BAB3-E81B-40CA-A71C-CD2A782A0601}"/>
              </a:ext>
            </a:extLst>
          </p:cNvPr>
          <p:cNvCxnSpPr>
            <a:cxnSpLocks/>
          </p:cNvCxnSpPr>
          <p:nvPr/>
        </p:nvCxnSpPr>
        <p:spPr bwMode="auto">
          <a:xfrm>
            <a:off x="6012493" y="3694535"/>
            <a:ext cx="532355" cy="4689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pic>
        <p:nvPicPr>
          <p:cNvPr id="126" name="Picture 125">
            <a:extLst>
              <a:ext uri="{FF2B5EF4-FFF2-40B4-BE49-F238E27FC236}">
                <a16:creationId xmlns:a16="http://schemas.microsoft.com/office/drawing/2014/main" id="{04A67710-3120-4727-B064-B98C27FAFAF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544848" y="3527727"/>
            <a:ext cx="950229" cy="270715"/>
          </a:xfrm>
          <a:prstGeom prst="rect">
            <a:avLst/>
          </a:prstGeom>
        </p:spPr>
      </p:pic>
      <p:sp>
        <p:nvSpPr>
          <p:cNvPr id="127" name="TextBox 126">
            <a:extLst>
              <a:ext uri="{FF2B5EF4-FFF2-40B4-BE49-F238E27FC236}">
                <a16:creationId xmlns:a16="http://schemas.microsoft.com/office/drawing/2014/main" id="{D90B0964-D8C4-477B-836E-814C6DC6CFFF}"/>
              </a:ext>
            </a:extLst>
          </p:cNvPr>
          <p:cNvSpPr txBox="1"/>
          <p:nvPr/>
        </p:nvSpPr>
        <p:spPr>
          <a:xfrm>
            <a:off x="6537999" y="3194630"/>
            <a:ext cx="112948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altLang="LID4096" sz="900"/>
              <a:t>Telco Edge or enterprise site</a:t>
            </a:r>
            <a:endParaRPr lang="en-US" sz="900"/>
          </a:p>
        </p:txBody>
      </p:sp>
      <p:sp>
        <p:nvSpPr>
          <p:cNvPr id="128" name="TextBox 127">
            <a:extLst>
              <a:ext uri="{FF2B5EF4-FFF2-40B4-BE49-F238E27FC236}">
                <a16:creationId xmlns:a16="http://schemas.microsoft.com/office/drawing/2014/main" id="{ABFBB9F2-2FDB-439E-8D5F-5DEBA3BE33E3}"/>
              </a:ext>
            </a:extLst>
          </p:cNvPr>
          <p:cNvSpPr txBox="1"/>
          <p:nvPr/>
        </p:nvSpPr>
        <p:spPr>
          <a:xfrm>
            <a:off x="6275572" y="3771602"/>
            <a:ext cx="1459453" cy="507831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algn="ctr"/>
            <a:r>
              <a:rPr lang="en-US" sz="900"/>
              <a:t>Server with EVPN GW  functionality on the </a:t>
            </a:r>
            <a:r>
              <a:rPr lang="en-US" sz="900" err="1"/>
              <a:t>xPU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2A1C841B-4C84-4D8B-9D1A-E3E2684F65DD}"/>
              </a:ext>
            </a:extLst>
          </p:cNvPr>
          <p:cNvSpPr txBox="1"/>
          <p:nvPr/>
        </p:nvSpPr>
        <p:spPr>
          <a:xfrm>
            <a:off x="494479" y="3899068"/>
            <a:ext cx="7488948" cy="25391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50"/>
              <a:t>EVPN GW functionality = Edge router with integrated routing and bridging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3C9E4858-6E83-4464-91FD-6D564C970585}"/>
              </a:ext>
            </a:extLst>
          </p:cNvPr>
          <p:cNvSpPr txBox="1"/>
          <p:nvPr/>
        </p:nvSpPr>
        <p:spPr>
          <a:xfrm>
            <a:off x="2460653" y="2499901"/>
            <a:ext cx="112948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eaLnBrk="1" hangingPunct="1"/>
            <a:r>
              <a:rPr lang="en-US" altLang="LID4096" sz="900"/>
              <a:t>Arbitrary IP transport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C301BADC-AA3B-4930-ACC8-F232E0C56A3A}"/>
              </a:ext>
            </a:extLst>
          </p:cNvPr>
          <p:cNvSpPr txBox="1"/>
          <p:nvPr/>
        </p:nvSpPr>
        <p:spPr>
          <a:xfrm>
            <a:off x="5236531" y="1675606"/>
            <a:ext cx="112948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eaLnBrk="1" hangingPunct="1"/>
            <a:r>
              <a:rPr lang="en-US" altLang="LID4096" sz="900"/>
              <a:t>Arbitrary IP transport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3C65E8F6-F1FC-4FB4-9115-1B7054ABB135}"/>
              </a:ext>
            </a:extLst>
          </p:cNvPr>
          <p:cNvSpPr txBox="1"/>
          <p:nvPr/>
        </p:nvSpPr>
        <p:spPr>
          <a:xfrm>
            <a:off x="5999453" y="2625454"/>
            <a:ext cx="112948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eaLnBrk="1" hangingPunct="1"/>
            <a:r>
              <a:rPr lang="en-US" altLang="LID4096" sz="900"/>
              <a:t>Arbitrary IP transport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453EB89E-B644-4956-84F8-2D8EFBAB878D}"/>
              </a:ext>
            </a:extLst>
          </p:cNvPr>
          <p:cNvSpPr txBox="1"/>
          <p:nvPr/>
        </p:nvSpPr>
        <p:spPr>
          <a:xfrm>
            <a:off x="5120069" y="3412361"/>
            <a:ext cx="112948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eaLnBrk="1" hangingPunct="1"/>
            <a:r>
              <a:rPr lang="en-US" altLang="LID4096" sz="900"/>
              <a:t>Arbitrary IP transport</a:t>
            </a: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4162DB2F-9943-76BD-FE2E-8AB04DFBAC06}"/>
              </a:ext>
            </a:extLst>
          </p:cNvPr>
          <p:cNvSpPr/>
          <p:nvPr/>
        </p:nvSpPr>
        <p:spPr>
          <a:xfrm>
            <a:off x="199451" y="4526916"/>
            <a:ext cx="8846307" cy="556442"/>
          </a:xfrm>
          <a:prstGeom prst="round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buClrTx/>
              <a:defRPr/>
            </a:pPr>
            <a:r>
              <a:rPr lang="en-US" sz="1200" b="1" kern="1200">
                <a:solidFill>
                  <a:srgbClr val="FFFFFF"/>
                </a:solidFill>
                <a:latin typeface="IntelOne Text Light"/>
                <a:sym typeface="Helvetica Neue"/>
              </a:rPr>
              <a:t>Goal: Optimize stand-alone server (and small cluster) deployments on telco edge and enterprise edge sites:</a:t>
            </a:r>
            <a:br>
              <a:rPr lang="en-US" sz="1200" b="1" kern="1200">
                <a:solidFill>
                  <a:srgbClr val="FFFFFF"/>
                </a:solidFill>
                <a:latin typeface="IntelOne Text Light"/>
                <a:sym typeface="Helvetica Neue"/>
              </a:rPr>
            </a:br>
            <a:r>
              <a:rPr lang="en-US" sz="1200" b="1" kern="1200">
                <a:solidFill>
                  <a:srgbClr val="FFFFFF"/>
                </a:solidFill>
                <a:latin typeface="IntelOne Text Light"/>
                <a:sym typeface="Helvetica Neue"/>
              </a:rPr>
              <a:t>Avoid CAPEX for dedicated site network equipment and remove dependencies on transport infrastructure</a:t>
            </a:r>
          </a:p>
        </p:txBody>
      </p:sp>
    </p:spTree>
    <p:extLst>
      <p:ext uri="{BB962C8B-B14F-4D97-AF65-F5344CB8AC3E}">
        <p14:creationId xmlns:p14="http://schemas.microsoft.com/office/powerpoint/2010/main" val="152714022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loud 2">
            <a:extLst>
              <a:ext uri="{FF2B5EF4-FFF2-40B4-BE49-F238E27FC236}">
                <a16:creationId xmlns:a16="http://schemas.microsoft.com/office/drawing/2014/main" id="{3282E52C-D2E2-44D8-A66F-5B0F053428F1}"/>
              </a:ext>
            </a:extLst>
          </p:cNvPr>
          <p:cNvSpPr/>
          <p:nvPr/>
        </p:nvSpPr>
        <p:spPr bwMode="auto">
          <a:xfrm>
            <a:off x="3095130" y="3983767"/>
            <a:ext cx="2881157" cy="455747"/>
          </a:xfrm>
          <a:prstGeom prst="cloud">
            <a:avLst/>
          </a:prstGeom>
          <a:solidFill>
            <a:schemeClr val="tx2">
              <a:lumMod val="10000"/>
              <a:lumOff val="90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1050">
                <a:solidFill>
                  <a:schemeClr val="tx1"/>
                </a:solidFill>
                <a:latin typeface="+mn-lt"/>
              </a:rPr>
              <a:t>Transport network</a:t>
            </a:r>
            <a:endParaRPr lang="sv-SE" sz="105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5" name="Picture 8">
            <a:extLst>
              <a:ext uri="{FF2B5EF4-FFF2-40B4-BE49-F238E27FC236}">
                <a16:creationId xmlns:a16="http://schemas.microsoft.com/office/drawing/2014/main" id="{15485F92-76ED-9754-8FF7-484C6A23AEED}"/>
              </a:ext>
            </a:extLst>
          </p:cNvPr>
          <p:cNvPicPr>
            <a:picLocks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45583" y="2296988"/>
            <a:ext cx="2136129" cy="1783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2" name="Rectangle 61">
            <a:extLst>
              <a:ext uri="{FF2B5EF4-FFF2-40B4-BE49-F238E27FC236}">
                <a16:creationId xmlns:a16="http://schemas.microsoft.com/office/drawing/2014/main" id="{E0490DBA-3E86-4994-9EC7-15590B0586B7}"/>
              </a:ext>
            </a:extLst>
          </p:cNvPr>
          <p:cNvSpPr/>
          <p:nvPr/>
        </p:nvSpPr>
        <p:spPr bwMode="auto">
          <a:xfrm>
            <a:off x="739642" y="1176797"/>
            <a:ext cx="2513123" cy="1224860"/>
          </a:xfrm>
          <a:prstGeom prst="rect">
            <a:avLst/>
          </a:prstGeom>
          <a:solidFill>
            <a:schemeClr val="tx2">
              <a:lumMod val="25000"/>
              <a:lumOff val="7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spcBef>
                <a:spcPts val="600"/>
              </a:spcBef>
            </a:pPr>
            <a:r>
              <a:rPr lang="en-US" sz="1050">
                <a:solidFill>
                  <a:schemeClr val="tx1"/>
                </a:solidFill>
                <a:latin typeface="+mn-lt"/>
              </a:rPr>
              <a:t>Host</a:t>
            </a:r>
            <a:endParaRPr lang="sv-SE" sz="1050" err="1">
              <a:solidFill>
                <a:schemeClr val="tx1"/>
              </a:solidFill>
              <a:latin typeface="+mn-l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EB8C4A3-2023-4905-AE6B-5F30E4803B5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569" y="357188"/>
            <a:ext cx="6833357" cy="810816"/>
          </a:xfrm>
        </p:spPr>
        <p:txBody>
          <a:bodyPr/>
          <a:lstStyle/>
          <a:p>
            <a:r>
              <a:rPr lang="en-US"/>
              <a:t>EVPN routing</a:t>
            </a:r>
            <a:endParaRPr lang="sv-SE"/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F2DF1049-5B4B-499C-BCA1-4F692D3C3AC7}"/>
              </a:ext>
            </a:extLst>
          </p:cNvPr>
          <p:cNvSpPr/>
          <p:nvPr/>
        </p:nvSpPr>
        <p:spPr bwMode="auto">
          <a:xfrm>
            <a:off x="739642" y="2421551"/>
            <a:ext cx="2513123" cy="1453206"/>
          </a:xfrm>
          <a:prstGeom prst="rect">
            <a:avLst/>
          </a:prstGeom>
          <a:solidFill>
            <a:schemeClr val="tx2">
              <a:lumMod val="10000"/>
              <a:lumOff val="90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>
              <a:spcBef>
                <a:spcPts val="600"/>
              </a:spcBef>
            </a:pPr>
            <a:r>
              <a:rPr lang="en-US" sz="1050" err="1">
                <a:solidFill>
                  <a:schemeClr val="tx1"/>
                </a:solidFill>
                <a:latin typeface="+mn-lt"/>
              </a:rPr>
              <a:t>xPU</a:t>
            </a:r>
            <a:endParaRPr lang="sv-SE" sz="1050" err="1">
              <a:solidFill>
                <a:schemeClr val="tx1"/>
              </a:solidFill>
              <a:latin typeface="+mn-lt"/>
            </a:endParaRPr>
          </a:p>
        </p:txBody>
      </p: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8379D5BC-BE24-4469-BF3B-93DF71636863}"/>
              </a:ext>
            </a:extLst>
          </p:cNvPr>
          <p:cNvCxnSpPr>
            <a:cxnSpLocks/>
          </p:cNvCxnSpPr>
          <p:nvPr/>
        </p:nvCxnSpPr>
        <p:spPr bwMode="auto">
          <a:xfrm>
            <a:off x="1642985" y="3821530"/>
            <a:ext cx="0" cy="273626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accent6">
                <a:lumMod val="75000"/>
              </a:schemeClr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40C1BAF8-B0BC-4CDF-A36C-4EDE0BC9A098}"/>
              </a:ext>
            </a:extLst>
          </p:cNvPr>
          <p:cNvCxnSpPr>
            <a:cxnSpLocks/>
          </p:cNvCxnSpPr>
          <p:nvPr/>
        </p:nvCxnSpPr>
        <p:spPr bwMode="auto">
          <a:xfrm>
            <a:off x="2406245" y="3523552"/>
            <a:ext cx="10847" cy="571604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accent6">
                <a:lumMod val="75000"/>
              </a:schemeClr>
            </a:solidFill>
            <a:prstDash val="solid"/>
            <a:round/>
            <a:headEnd type="none" w="med" len="med"/>
            <a:tailEnd type="none"/>
          </a:ln>
          <a:effectLst/>
        </p:spPr>
      </p:cxnSp>
      <p:sp>
        <p:nvSpPr>
          <p:cNvPr id="57" name="TextBox 56">
            <a:extLst>
              <a:ext uri="{FF2B5EF4-FFF2-40B4-BE49-F238E27FC236}">
                <a16:creationId xmlns:a16="http://schemas.microsoft.com/office/drawing/2014/main" id="{459A3148-DC43-4756-8725-4F34AA6422BC}"/>
              </a:ext>
            </a:extLst>
          </p:cNvPr>
          <p:cNvSpPr txBox="1"/>
          <p:nvPr/>
        </p:nvSpPr>
        <p:spPr>
          <a:xfrm>
            <a:off x="2406245" y="2937398"/>
            <a:ext cx="324192" cy="291788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Aft>
                <a:spcPct val="0"/>
              </a:spcAft>
              <a:buClrTx/>
            </a:pPr>
            <a:r>
              <a:rPr lang="en-US" sz="450" kern="1000" spc="-23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…</a:t>
            </a: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997DF704-05F7-46C2-B727-5C565D3F769C}"/>
              </a:ext>
            </a:extLst>
          </p:cNvPr>
          <p:cNvSpPr/>
          <p:nvPr/>
        </p:nvSpPr>
        <p:spPr bwMode="auto">
          <a:xfrm>
            <a:off x="872172" y="2550340"/>
            <a:ext cx="2244421" cy="291787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675">
                <a:solidFill>
                  <a:schemeClr val="tx1"/>
                </a:solidFill>
                <a:latin typeface="+mn-lt"/>
              </a:rPr>
              <a:t>Tenant network bridge</a:t>
            </a: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FA4B894E-4510-4683-AEAB-B076A1FD264A}"/>
              </a:ext>
            </a:extLst>
          </p:cNvPr>
          <p:cNvSpPr/>
          <p:nvPr/>
        </p:nvSpPr>
        <p:spPr bwMode="auto">
          <a:xfrm>
            <a:off x="872172" y="3229186"/>
            <a:ext cx="2244421" cy="291787"/>
          </a:xfrm>
          <a:prstGeom prst="rect">
            <a:avLst/>
          </a:prstGeom>
          <a:solidFill>
            <a:srgbClr val="48A8FA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US" sz="750">
                <a:solidFill>
                  <a:schemeClr val="tx1"/>
                </a:solidFill>
                <a:latin typeface="+mn-lt"/>
              </a:rPr>
              <a:t>Underlay routing</a:t>
            </a: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8E3F4C0B-9CDA-4A47-8ADC-8C4D43B7E6C8}"/>
              </a:ext>
            </a:extLst>
          </p:cNvPr>
          <p:cNvSpPr/>
          <p:nvPr/>
        </p:nvSpPr>
        <p:spPr bwMode="auto">
          <a:xfrm>
            <a:off x="918711" y="1451795"/>
            <a:ext cx="414761" cy="765599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750"/>
              <a:t>K8s pod</a:t>
            </a:r>
            <a:endParaRPr lang="en-US" sz="750">
              <a:latin typeface="+mn-lt"/>
            </a:endParaRPr>
          </a:p>
        </p:txBody>
      </p:sp>
      <p:sp>
        <p:nvSpPr>
          <p:cNvPr id="63" name="Rectangle: Rounded Corners 62">
            <a:extLst>
              <a:ext uri="{FF2B5EF4-FFF2-40B4-BE49-F238E27FC236}">
                <a16:creationId xmlns:a16="http://schemas.microsoft.com/office/drawing/2014/main" id="{8D4DD350-A7A0-4FD2-AE84-01CB2047F49F}"/>
              </a:ext>
            </a:extLst>
          </p:cNvPr>
          <p:cNvSpPr/>
          <p:nvPr/>
        </p:nvSpPr>
        <p:spPr bwMode="auto">
          <a:xfrm>
            <a:off x="2139334" y="1451795"/>
            <a:ext cx="414761" cy="765599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750"/>
              <a:t>K8s pod</a:t>
            </a:r>
            <a:endParaRPr lang="en-US" sz="750">
              <a:latin typeface="+mn-lt"/>
            </a:endParaRPr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EBD3BAEF-B0B4-423F-9255-7427F7EB2F2F}"/>
              </a:ext>
            </a:extLst>
          </p:cNvPr>
          <p:cNvSpPr/>
          <p:nvPr/>
        </p:nvSpPr>
        <p:spPr bwMode="auto">
          <a:xfrm>
            <a:off x="2701831" y="1451795"/>
            <a:ext cx="414761" cy="765599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750"/>
              <a:t>K8s pod</a:t>
            </a:r>
            <a:endParaRPr lang="en-US" sz="750">
              <a:latin typeface="+mn-lt"/>
            </a:endParaRPr>
          </a:p>
        </p:txBody>
      </p:sp>
      <p:sp>
        <p:nvSpPr>
          <p:cNvPr id="65" name="Rectangle: Rounded Corners 64">
            <a:extLst>
              <a:ext uri="{FF2B5EF4-FFF2-40B4-BE49-F238E27FC236}">
                <a16:creationId xmlns:a16="http://schemas.microsoft.com/office/drawing/2014/main" id="{418733E1-D5A5-45BF-8589-4458F48237D5}"/>
              </a:ext>
            </a:extLst>
          </p:cNvPr>
          <p:cNvSpPr/>
          <p:nvPr/>
        </p:nvSpPr>
        <p:spPr bwMode="auto">
          <a:xfrm>
            <a:off x="1529023" y="1451795"/>
            <a:ext cx="414761" cy="765599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750"/>
              <a:t>K8s pod</a:t>
            </a:r>
            <a:endParaRPr lang="en-US" sz="750">
              <a:latin typeface="+mn-lt"/>
            </a:endParaRP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510D86FB-B5C1-463D-A7BC-1F6DC1F11F24}"/>
              </a:ext>
            </a:extLst>
          </p:cNvPr>
          <p:cNvSpPr/>
          <p:nvPr/>
        </p:nvSpPr>
        <p:spPr bwMode="auto">
          <a:xfrm>
            <a:off x="1376424" y="3523053"/>
            <a:ext cx="1282019" cy="291787"/>
          </a:xfrm>
          <a:prstGeom prst="rect">
            <a:avLst/>
          </a:prstGeom>
          <a:solidFill>
            <a:srgbClr val="48A8FA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 err="1">
                <a:solidFill>
                  <a:schemeClr val="tx1"/>
                </a:solidFill>
                <a:latin typeface="+mn-lt"/>
              </a:rPr>
              <a:t>IPSec</a:t>
            </a:r>
            <a:endParaRPr lang="en-US" sz="750">
              <a:solidFill>
                <a:schemeClr val="tx1"/>
              </a:solidFill>
              <a:latin typeface="+mn-lt"/>
            </a:endParaRPr>
          </a:p>
        </p:txBody>
      </p:sp>
      <p:sp>
        <p:nvSpPr>
          <p:cNvPr id="67" name="Rectangle: Rounded Corners 66">
            <a:extLst>
              <a:ext uri="{FF2B5EF4-FFF2-40B4-BE49-F238E27FC236}">
                <a16:creationId xmlns:a16="http://schemas.microsoft.com/office/drawing/2014/main" id="{46348BFC-F987-4DE9-A468-76C0B3229232}"/>
              </a:ext>
            </a:extLst>
          </p:cNvPr>
          <p:cNvSpPr/>
          <p:nvPr/>
        </p:nvSpPr>
        <p:spPr bwMode="auto">
          <a:xfrm flipV="1">
            <a:off x="623227" y="1112258"/>
            <a:ext cx="2735507" cy="2819678"/>
          </a:xfrm>
          <a:prstGeom prst="roundRect">
            <a:avLst>
              <a:gd name="adj" fmla="val 6078"/>
            </a:avLst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sv-SE" sz="1050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52" name="Rectangle 51">
            <a:extLst>
              <a:ext uri="{FF2B5EF4-FFF2-40B4-BE49-F238E27FC236}">
                <a16:creationId xmlns:a16="http://schemas.microsoft.com/office/drawing/2014/main" id="{F32DCA92-F5E0-4C04-9BBE-60C7E092AE24}"/>
              </a:ext>
            </a:extLst>
          </p:cNvPr>
          <p:cNvSpPr/>
          <p:nvPr/>
        </p:nvSpPr>
        <p:spPr bwMode="auto">
          <a:xfrm>
            <a:off x="1381844" y="2880220"/>
            <a:ext cx="512897" cy="348965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vert270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>
                <a:solidFill>
                  <a:schemeClr val="tx1"/>
                </a:solidFill>
                <a:latin typeface="+mn-lt"/>
              </a:rPr>
              <a:t>VPN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492C3F0A-B046-4AC3-87BC-19A7DF67CB42}"/>
              </a:ext>
            </a:extLst>
          </p:cNvPr>
          <p:cNvGrpSpPr/>
          <p:nvPr/>
        </p:nvGrpSpPr>
        <p:grpSpPr>
          <a:xfrm>
            <a:off x="1597955" y="2929150"/>
            <a:ext cx="300082" cy="302221"/>
            <a:chOff x="5442346" y="4101719"/>
            <a:chExt cx="400109" cy="402960"/>
          </a:xfrm>
        </p:grpSpPr>
        <p:pic>
          <p:nvPicPr>
            <p:cNvPr id="21" name="Picture 46" descr="SmartEdge_Router.wmf">
              <a:extLst>
                <a:ext uri="{FF2B5EF4-FFF2-40B4-BE49-F238E27FC236}">
                  <a16:creationId xmlns:a16="http://schemas.microsoft.com/office/drawing/2014/main" id="{7D4054CB-7539-473C-9FB7-4B1E7D53956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2" name="Text Box 375">
              <a:extLst>
                <a:ext uri="{FF2B5EF4-FFF2-40B4-BE49-F238E27FC236}">
                  <a16:creationId xmlns:a16="http://schemas.microsoft.com/office/drawing/2014/main" id="{F9A4D370-075A-4596-861C-1C9F11D25F50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00109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VRF</a:t>
              </a:r>
            </a:p>
          </p:txBody>
        </p:sp>
      </p:grpSp>
      <p:sp>
        <p:nvSpPr>
          <p:cNvPr id="40" name="Rectangle 39">
            <a:extLst>
              <a:ext uri="{FF2B5EF4-FFF2-40B4-BE49-F238E27FC236}">
                <a16:creationId xmlns:a16="http://schemas.microsoft.com/office/drawing/2014/main" id="{1DC12103-CCF8-460B-963A-5FFF89E4694D}"/>
              </a:ext>
            </a:extLst>
          </p:cNvPr>
          <p:cNvSpPr/>
          <p:nvPr/>
        </p:nvSpPr>
        <p:spPr bwMode="auto">
          <a:xfrm>
            <a:off x="1893348" y="2880220"/>
            <a:ext cx="512897" cy="348965"/>
          </a:xfrm>
          <a:prstGeom prst="rect">
            <a:avLst/>
          </a:prstGeom>
          <a:solidFill>
            <a:srgbClr val="90F6C9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vert270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>
                <a:solidFill>
                  <a:schemeClr val="tx1"/>
                </a:solidFill>
                <a:latin typeface="+mn-lt"/>
              </a:rPr>
              <a:t>VPN</a:t>
            </a: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DD65B2EA-552C-4D59-A2F1-CC04528C92DB}"/>
              </a:ext>
            </a:extLst>
          </p:cNvPr>
          <p:cNvSpPr/>
          <p:nvPr/>
        </p:nvSpPr>
        <p:spPr bwMode="auto">
          <a:xfrm>
            <a:off x="2602089" y="2880221"/>
            <a:ext cx="512897" cy="348965"/>
          </a:xfrm>
          <a:prstGeom prst="rect">
            <a:avLst/>
          </a:prstGeom>
          <a:solidFill>
            <a:srgbClr val="58F2AE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vert270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>
                <a:solidFill>
                  <a:schemeClr val="tx1"/>
                </a:solidFill>
                <a:latin typeface="+mn-lt"/>
              </a:rPr>
              <a:t>VPN</a:t>
            </a: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3E824ED4-7464-45CF-970C-77760002FBB2}"/>
              </a:ext>
            </a:extLst>
          </p:cNvPr>
          <p:cNvSpPr/>
          <p:nvPr/>
        </p:nvSpPr>
        <p:spPr bwMode="auto">
          <a:xfrm>
            <a:off x="868947" y="2880220"/>
            <a:ext cx="512897" cy="348965"/>
          </a:xfrm>
          <a:prstGeom prst="rect">
            <a:avLst/>
          </a:prstGeom>
          <a:solidFill>
            <a:srgbClr val="C9E6FF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vert270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>
                <a:solidFill>
                  <a:schemeClr val="tx1"/>
                </a:solidFill>
                <a:latin typeface="+mn-lt"/>
              </a:rPr>
              <a:t>VPN</a:t>
            </a:r>
          </a:p>
        </p:txBody>
      </p:sp>
      <p:grpSp>
        <p:nvGrpSpPr>
          <p:cNvPr id="44" name="Group 43">
            <a:extLst>
              <a:ext uri="{FF2B5EF4-FFF2-40B4-BE49-F238E27FC236}">
                <a16:creationId xmlns:a16="http://schemas.microsoft.com/office/drawing/2014/main" id="{7A91D6D8-2364-4E85-841C-BD408CA5DCCC}"/>
              </a:ext>
            </a:extLst>
          </p:cNvPr>
          <p:cNvGrpSpPr/>
          <p:nvPr/>
        </p:nvGrpSpPr>
        <p:grpSpPr>
          <a:xfrm>
            <a:off x="2118890" y="2925313"/>
            <a:ext cx="300082" cy="302221"/>
            <a:chOff x="5442346" y="4101719"/>
            <a:chExt cx="400109" cy="402960"/>
          </a:xfrm>
        </p:grpSpPr>
        <p:pic>
          <p:nvPicPr>
            <p:cNvPr id="45" name="Picture 46" descr="SmartEdge_Router.wmf">
              <a:extLst>
                <a:ext uri="{FF2B5EF4-FFF2-40B4-BE49-F238E27FC236}">
                  <a16:creationId xmlns:a16="http://schemas.microsoft.com/office/drawing/2014/main" id="{E854BB60-E3E5-49C0-81F0-30F4D19A1A2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6" name="Text Box 375">
              <a:extLst>
                <a:ext uri="{FF2B5EF4-FFF2-40B4-BE49-F238E27FC236}">
                  <a16:creationId xmlns:a16="http://schemas.microsoft.com/office/drawing/2014/main" id="{3205B320-2351-410F-A77A-53B2E7F0FED0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00109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VRF</a:t>
              </a:r>
            </a:p>
          </p:txBody>
        </p:sp>
      </p:grpSp>
      <p:grpSp>
        <p:nvGrpSpPr>
          <p:cNvPr id="47" name="Group 46">
            <a:extLst>
              <a:ext uri="{FF2B5EF4-FFF2-40B4-BE49-F238E27FC236}">
                <a16:creationId xmlns:a16="http://schemas.microsoft.com/office/drawing/2014/main" id="{8F7A2D76-40A3-40C9-93DD-CF68AB577A6A}"/>
              </a:ext>
            </a:extLst>
          </p:cNvPr>
          <p:cNvGrpSpPr/>
          <p:nvPr/>
        </p:nvGrpSpPr>
        <p:grpSpPr>
          <a:xfrm>
            <a:off x="2819853" y="2925313"/>
            <a:ext cx="300082" cy="302221"/>
            <a:chOff x="5442346" y="4101719"/>
            <a:chExt cx="400109" cy="402960"/>
          </a:xfrm>
        </p:grpSpPr>
        <p:pic>
          <p:nvPicPr>
            <p:cNvPr id="48" name="Picture 46" descr="SmartEdge_Router.wmf">
              <a:extLst>
                <a:ext uri="{FF2B5EF4-FFF2-40B4-BE49-F238E27FC236}">
                  <a16:creationId xmlns:a16="http://schemas.microsoft.com/office/drawing/2014/main" id="{6138E8B3-974B-458F-A203-97DACEAB4B3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6" name="Text Box 375">
              <a:extLst>
                <a:ext uri="{FF2B5EF4-FFF2-40B4-BE49-F238E27FC236}">
                  <a16:creationId xmlns:a16="http://schemas.microsoft.com/office/drawing/2014/main" id="{E588F646-724E-4696-A543-53B72EFDFF4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00109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VRF</a:t>
              </a:r>
            </a:p>
          </p:txBody>
        </p:sp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F9E437F0-6C5F-4432-827F-52B17C329151}"/>
              </a:ext>
            </a:extLst>
          </p:cNvPr>
          <p:cNvGrpSpPr/>
          <p:nvPr/>
        </p:nvGrpSpPr>
        <p:grpSpPr>
          <a:xfrm>
            <a:off x="1097938" y="2929150"/>
            <a:ext cx="300082" cy="302221"/>
            <a:chOff x="5442346" y="4101719"/>
            <a:chExt cx="400109" cy="402960"/>
          </a:xfrm>
        </p:grpSpPr>
        <p:pic>
          <p:nvPicPr>
            <p:cNvPr id="68" name="Picture 46" descr="SmartEdge_Router.wmf">
              <a:extLst>
                <a:ext uri="{FF2B5EF4-FFF2-40B4-BE49-F238E27FC236}">
                  <a16:creationId xmlns:a16="http://schemas.microsoft.com/office/drawing/2014/main" id="{6FF68EAD-3FAA-4B0B-9F94-8DA02B40D1B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69" name="Text Box 375">
              <a:extLst>
                <a:ext uri="{FF2B5EF4-FFF2-40B4-BE49-F238E27FC236}">
                  <a16:creationId xmlns:a16="http://schemas.microsoft.com/office/drawing/2014/main" id="{00C0D5CA-A9F7-4D41-8AF9-8F01007A3F48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00109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VRF</a:t>
              </a:r>
            </a:p>
          </p:txBody>
        </p:sp>
      </p:grpSp>
      <p:grpSp>
        <p:nvGrpSpPr>
          <p:cNvPr id="70" name="Group 69">
            <a:extLst>
              <a:ext uri="{FF2B5EF4-FFF2-40B4-BE49-F238E27FC236}">
                <a16:creationId xmlns:a16="http://schemas.microsoft.com/office/drawing/2014/main" id="{B7C36246-E424-48A8-B465-08FA29BE9970}"/>
              </a:ext>
            </a:extLst>
          </p:cNvPr>
          <p:cNvGrpSpPr/>
          <p:nvPr/>
        </p:nvGrpSpPr>
        <p:grpSpPr>
          <a:xfrm>
            <a:off x="1810163" y="3245610"/>
            <a:ext cx="312906" cy="302221"/>
            <a:chOff x="5442346" y="4101719"/>
            <a:chExt cx="417207" cy="402960"/>
          </a:xfrm>
        </p:grpSpPr>
        <p:pic>
          <p:nvPicPr>
            <p:cNvPr id="71" name="Picture 46" descr="SmartEdge_Router.wmf">
              <a:extLst>
                <a:ext uri="{FF2B5EF4-FFF2-40B4-BE49-F238E27FC236}">
                  <a16:creationId xmlns:a16="http://schemas.microsoft.com/office/drawing/2014/main" id="{00643E7D-89B3-4C42-ADA6-C9E927F73D0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72" name="Text Box 375">
              <a:extLst>
                <a:ext uri="{FF2B5EF4-FFF2-40B4-BE49-F238E27FC236}">
                  <a16:creationId xmlns:a16="http://schemas.microsoft.com/office/drawing/2014/main" id="{6A7604B8-AC02-494B-AA62-D601B4A5FB6B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17207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GRD</a:t>
              </a:r>
            </a:p>
          </p:txBody>
        </p:sp>
      </p:grpSp>
      <p:sp>
        <p:nvSpPr>
          <p:cNvPr id="39" name="Rectangle 38">
            <a:extLst>
              <a:ext uri="{FF2B5EF4-FFF2-40B4-BE49-F238E27FC236}">
                <a16:creationId xmlns:a16="http://schemas.microsoft.com/office/drawing/2014/main" id="{D70BFA63-36D8-4789-867C-5C4295100CD1}"/>
              </a:ext>
            </a:extLst>
          </p:cNvPr>
          <p:cNvSpPr/>
          <p:nvPr/>
        </p:nvSpPr>
        <p:spPr bwMode="auto">
          <a:xfrm>
            <a:off x="5590534" y="1181369"/>
            <a:ext cx="2513123" cy="1224860"/>
          </a:xfrm>
          <a:prstGeom prst="rect">
            <a:avLst/>
          </a:prstGeom>
          <a:solidFill>
            <a:schemeClr val="tx2">
              <a:lumMod val="25000"/>
              <a:lumOff val="7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spcBef>
                <a:spcPts val="600"/>
              </a:spcBef>
            </a:pPr>
            <a:r>
              <a:rPr lang="en-US" sz="1050">
                <a:solidFill>
                  <a:schemeClr val="tx1"/>
                </a:solidFill>
                <a:latin typeface="+mn-lt"/>
              </a:rPr>
              <a:t>Host</a:t>
            </a:r>
            <a:endParaRPr lang="sv-SE" sz="1050" err="1">
              <a:solidFill>
                <a:schemeClr val="tx1"/>
              </a:solidFill>
              <a:latin typeface="+mn-lt"/>
            </a:endParaRPr>
          </a:p>
        </p:txBody>
      </p:sp>
      <p:sp>
        <p:nvSpPr>
          <p:cNvPr id="51" name="Rectangle 50">
            <a:extLst>
              <a:ext uri="{FF2B5EF4-FFF2-40B4-BE49-F238E27FC236}">
                <a16:creationId xmlns:a16="http://schemas.microsoft.com/office/drawing/2014/main" id="{89F4346E-C0B5-4939-8762-9FCF40986F2B}"/>
              </a:ext>
            </a:extLst>
          </p:cNvPr>
          <p:cNvSpPr/>
          <p:nvPr/>
        </p:nvSpPr>
        <p:spPr bwMode="auto">
          <a:xfrm>
            <a:off x="5590534" y="2426123"/>
            <a:ext cx="2513123" cy="1453206"/>
          </a:xfrm>
          <a:prstGeom prst="rect">
            <a:avLst/>
          </a:prstGeom>
          <a:solidFill>
            <a:schemeClr val="tx2">
              <a:lumMod val="10000"/>
              <a:lumOff val="90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>
              <a:spcBef>
                <a:spcPts val="600"/>
              </a:spcBef>
            </a:pPr>
            <a:r>
              <a:rPr lang="en-US" sz="1050" err="1">
                <a:solidFill>
                  <a:schemeClr val="tx1"/>
                </a:solidFill>
                <a:latin typeface="+mn-lt"/>
              </a:rPr>
              <a:t>xPU</a:t>
            </a:r>
            <a:endParaRPr lang="sv-SE" sz="1050" err="1">
              <a:solidFill>
                <a:schemeClr val="tx1"/>
              </a:solidFill>
              <a:latin typeface="+mn-lt"/>
            </a:endParaRPr>
          </a:p>
        </p:txBody>
      </p: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9501312E-55FC-4774-BD85-BA1AE096A65B}"/>
              </a:ext>
            </a:extLst>
          </p:cNvPr>
          <p:cNvCxnSpPr>
            <a:cxnSpLocks/>
          </p:cNvCxnSpPr>
          <p:nvPr/>
        </p:nvCxnSpPr>
        <p:spPr bwMode="auto">
          <a:xfrm>
            <a:off x="6493877" y="3826102"/>
            <a:ext cx="0" cy="273626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accent6">
                <a:lumMod val="75000"/>
              </a:schemeClr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BD74F6F6-8BDA-4306-8F9B-E0545084C7D1}"/>
              </a:ext>
            </a:extLst>
          </p:cNvPr>
          <p:cNvCxnSpPr>
            <a:cxnSpLocks/>
          </p:cNvCxnSpPr>
          <p:nvPr/>
        </p:nvCxnSpPr>
        <p:spPr bwMode="auto">
          <a:xfrm>
            <a:off x="7257137" y="3528124"/>
            <a:ext cx="10847" cy="571604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accent6">
                <a:lumMod val="75000"/>
              </a:schemeClr>
            </a:solidFill>
            <a:prstDash val="solid"/>
            <a:round/>
            <a:headEnd type="none" w="med" len="med"/>
            <a:tailEnd type="none"/>
          </a:ln>
          <a:effectLst/>
        </p:spPr>
      </p:cxnSp>
      <p:sp>
        <p:nvSpPr>
          <p:cNvPr id="73" name="TextBox 72">
            <a:extLst>
              <a:ext uri="{FF2B5EF4-FFF2-40B4-BE49-F238E27FC236}">
                <a16:creationId xmlns:a16="http://schemas.microsoft.com/office/drawing/2014/main" id="{C5F6292B-F417-482F-9F68-0A725C67E606}"/>
              </a:ext>
            </a:extLst>
          </p:cNvPr>
          <p:cNvSpPr txBox="1"/>
          <p:nvPr/>
        </p:nvSpPr>
        <p:spPr>
          <a:xfrm>
            <a:off x="7257137" y="2941970"/>
            <a:ext cx="324192" cy="291788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Aft>
                <a:spcPct val="0"/>
              </a:spcAft>
              <a:buClrTx/>
            </a:pPr>
            <a:r>
              <a:rPr lang="en-US" sz="450" kern="1000" spc="-23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…</a:t>
            </a: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A108978F-C5DA-4C7B-962D-1FF815556B2B}"/>
              </a:ext>
            </a:extLst>
          </p:cNvPr>
          <p:cNvSpPr/>
          <p:nvPr/>
        </p:nvSpPr>
        <p:spPr bwMode="auto">
          <a:xfrm>
            <a:off x="5723064" y="2554912"/>
            <a:ext cx="2244421" cy="291787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>
                <a:solidFill>
                  <a:schemeClr val="tx1"/>
                </a:solidFill>
                <a:latin typeface="+mn-lt"/>
              </a:rPr>
              <a:t>Tenant network bridge</a:t>
            </a: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F83906C5-E2A4-43BB-8687-316BDCB3A610}"/>
              </a:ext>
            </a:extLst>
          </p:cNvPr>
          <p:cNvSpPr/>
          <p:nvPr/>
        </p:nvSpPr>
        <p:spPr bwMode="auto">
          <a:xfrm>
            <a:off x="5723064" y="3233758"/>
            <a:ext cx="2244421" cy="291787"/>
          </a:xfrm>
          <a:prstGeom prst="rect">
            <a:avLst/>
          </a:prstGeom>
          <a:solidFill>
            <a:srgbClr val="48A8FA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US" sz="750">
                <a:solidFill>
                  <a:schemeClr val="tx1"/>
                </a:solidFill>
                <a:latin typeface="+mn-lt"/>
              </a:rPr>
              <a:t>Underlay routing</a:t>
            </a:r>
          </a:p>
        </p:txBody>
      </p:sp>
      <p:sp>
        <p:nvSpPr>
          <p:cNvPr id="77" name="Rectangle: Rounded Corners 76">
            <a:extLst>
              <a:ext uri="{FF2B5EF4-FFF2-40B4-BE49-F238E27FC236}">
                <a16:creationId xmlns:a16="http://schemas.microsoft.com/office/drawing/2014/main" id="{3AFFCCBE-4E4E-45ED-88B1-C52ACAF2F39A}"/>
              </a:ext>
            </a:extLst>
          </p:cNvPr>
          <p:cNvSpPr/>
          <p:nvPr/>
        </p:nvSpPr>
        <p:spPr bwMode="auto">
          <a:xfrm>
            <a:off x="5769603" y="1456367"/>
            <a:ext cx="414761" cy="765599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750"/>
              <a:t>K8s pod</a:t>
            </a:r>
            <a:endParaRPr lang="en-US" sz="750">
              <a:latin typeface="+mn-lt"/>
            </a:endParaRPr>
          </a:p>
        </p:txBody>
      </p:sp>
      <p:sp>
        <p:nvSpPr>
          <p:cNvPr id="78" name="Rectangle: Rounded Corners 77">
            <a:extLst>
              <a:ext uri="{FF2B5EF4-FFF2-40B4-BE49-F238E27FC236}">
                <a16:creationId xmlns:a16="http://schemas.microsoft.com/office/drawing/2014/main" id="{588F3270-CF8F-4A63-8FDE-8943531493C9}"/>
              </a:ext>
            </a:extLst>
          </p:cNvPr>
          <p:cNvSpPr/>
          <p:nvPr/>
        </p:nvSpPr>
        <p:spPr bwMode="auto">
          <a:xfrm>
            <a:off x="6990226" y="1456367"/>
            <a:ext cx="414761" cy="765599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750"/>
              <a:t>K8s pod</a:t>
            </a:r>
            <a:endParaRPr lang="en-US" sz="750">
              <a:latin typeface="+mn-lt"/>
            </a:endParaRPr>
          </a:p>
        </p:txBody>
      </p:sp>
      <p:sp>
        <p:nvSpPr>
          <p:cNvPr id="79" name="Rectangle: Rounded Corners 78">
            <a:extLst>
              <a:ext uri="{FF2B5EF4-FFF2-40B4-BE49-F238E27FC236}">
                <a16:creationId xmlns:a16="http://schemas.microsoft.com/office/drawing/2014/main" id="{86482809-9028-460B-8D76-F3918EBCC87C}"/>
              </a:ext>
            </a:extLst>
          </p:cNvPr>
          <p:cNvSpPr/>
          <p:nvPr/>
        </p:nvSpPr>
        <p:spPr bwMode="auto">
          <a:xfrm>
            <a:off x="7552723" y="1456367"/>
            <a:ext cx="414761" cy="765599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750"/>
              <a:t>K8s pod</a:t>
            </a:r>
            <a:endParaRPr lang="en-US" sz="750">
              <a:latin typeface="+mn-lt"/>
            </a:endParaRPr>
          </a:p>
        </p:txBody>
      </p:sp>
      <p:sp>
        <p:nvSpPr>
          <p:cNvPr id="80" name="Rectangle: Rounded Corners 79">
            <a:extLst>
              <a:ext uri="{FF2B5EF4-FFF2-40B4-BE49-F238E27FC236}">
                <a16:creationId xmlns:a16="http://schemas.microsoft.com/office/drawing/2014/main" id="{C6E9023C-1C1C-4689-BA10-63AEADE4C513}"/>
              </a:ext>
            </a:extLst>
          </p:cNvPr>
          <p:cNvSpPr/>
          <p:nvPr/>
        </p:nvSpPr>
        <p:spPr bwMode="auto">
          <a:xfrm>
            <a:off x="6379915" y="1456367"/>
            <a:ext cx="414761" cy="765599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750"/>
              <a:t>K8s pod</a:t>
            </a:r>
            <a:endParaRPr lang="en-US" sz="750">
              <a:latin typeface="+mn-lt"/>
            </a:endParaRPr>
          </a:p>
        </p:txBody>
      </p:sp>
      <p:sp>
        <p:nvSpPr>
          <p:cNvPr id="81" name="Rectangle 80">
            <a:extLst>
              <a:ext uri="{FF2B5EF4-FFF2-40B4-BE49-F238E27FC236}">
                <a16:creationId xmlns:a16="http://schemas.microsoft.com/office/drawing/2014/main" id="{6C415022-68BE-43D5-BF99-C69809AA6C90}"/>
              </a:ext>
            </a:extLst>
          </p:cNvPr>
          <p:cNvSpPr/>
          <p:nvPr/>
        </p:nvSpPr>
        <p:spPr bwMode="auto">
          <a:xfrm>
            <a:off x="6227316" y="3527625"/>
            <a:ext cx="1282019" cy="291787"/>
          </a:xfrm>
          <a:prstGeom prst="rect">
            <a:avLst/>
          </a:prstGeom>
          <a:solidFill>
            <a:srgbClr val="48A8FA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 err="1">
                <a:solidFill>
                  <a:schemeClr val="tx1"/>
                </a:solidFill>
                <a:latin typeface="+mn-lt"/>
              </a:rPr>
              <a:t>IPSec</a:t>
            </a:r>
            <a:endParaRPr lang="en-US" sz="750">
              <a:solidFill>
                <a:schemeClr val="tx1"/>
              </a:solidFill>
              <a:latin typeface="+mn-lt"/>
            </a:endParaRPr>
          </a:p>
        </p:txBody>
      </p:sp>
      <p:sp>
        <p:nvSpPr>
          <p:cNvPr id="82" name="Rectangle: Rounded Corners 81">
            <a:extLst>
              <a:ext uri="{FF2B5EF4-FFF2-40B4-BE49-F238E27FC236}">
                <a16:creationId xmlns:a16="http://schemas.microsoft.com/office/drawing/2014/main" id="{6AC64C59-A30B-4042-BEBB-C3538527B2C7}"/>
              </a:ext>
            </a:extLst>
          </p:cNvPr>
          <p:cNvSpPr/>
          <p:nvPr/>
        </p:nvSpPr>
        <p:spPr bwMode="auto">
          <a:xfrm flipV="1">
            <a:off x="5474119" y="1116830"/>
            <a:ext cx="2735507" cy="2819678"/>
          </a:xfrm>
          <a:prstGeom prst="roundRect">
            <a:avLst>
              <a:gd name="adj" fmla="val 6078"/>
            </a:avLst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sv-SE" sz="1050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83" name="Rectangle 82">
            <a:extLst>
              <a:ext uri="{FF2B5EF4-FFF2-40B4-BE49-F238E27FC236}">
                <a16:creationId xmlns:a16="http://schemas.microsoft.com/office/drawing/2014/main" id="{8CD0CEE6-7F86-4D63-B2D7-DEF62A47DB14}"/>
              </a:ext>
            </a:extLst>
          </p:cNvPr>
          <p:cNvSpPr/>
          <p:nvPr/>
        </p:nvSpPr>
        <p:spPr bwMode="auto">
          <a:xfrm>
            <a:off x="6232736" y="2884792"/>
            <a:ext cx="512897" cy="348965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vert270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>
                <a:solidFill>
                  <a:schemeClr val="tx1"/>
                </a:solidFill>
                <a:latin typeface="+mn-lt"/>
              </a:rPr>
              <a:t>VPN</a:t>
            </a:r>
          </a:p>
        </p:txBody>
      </p:sp>
      <p:grpSp>
        <p:nvGrpSpPr>
          <p:cNvPr id="84" name="Group 83">
            <a:extLst>
              <a:ext uri="{FF2B5EF4-FFF2-40B4-BE49-F238E27FC236}">
                <a16:creationId xmlns:a16="http://schemas.microsoft.com/office/drawing/2014/main" id="{24FB5428-3812-4FD5-AF50-EC87C5965DB8}"/>
              </a:ext>
            </a:extLst>
          </p:cNvPr>
          <p:cNvGrpSpPr/>
          <p:nvPr/>
        </p:nvGrpSpPr>
        <p:grpSpPr>
          <a:xfrm>
            <a:off x="6448847" y="2933722"/>
            <a:ext cx="300082" cy="302221"/>
            <a:chOff x="5442346" y="4101719"/>
            <a:chExt cx="400109" cy="402960"/>
          </a:xfrm>
        </p:grpSpPr>
        <p:pic>
          <p:nvPicPr>
            <p:cNvPr id="85" name="Picture 46" descr="SmartEdge_Router.wmf">
              <a:extLst>
                <a:ext uri="{FF2B5EF4-FFF2-40B4-BE49-F238E27FC236}">
                  <a16:creationId xmlns:a16="http://schemas.microsoft.com/office/drawing/2014/main" id="{18B16C11-751A-472F-8BDA-E2DD843B9BB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86" name="Text Box 375">
              <a:extLst>
                <a:ext uri="{FF2B5EF4-FFF2-40B4-BE49-F238E27FC236}">
                  <a16:creationId xmlns:a16="http://schemas.microsoft.com/office/drawing/2014/main" id="{FF8C9696-133B-4929-9BDF-CE0910C2C20B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00109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VRF</a:t>
              </a:r>
            </a:p>
          </p:txBody>
        </p:sp>
      </p:grpSp>
      <p:sp>
        <p:nvSpPr>
          <p:cNvPr id="87" name="Rectangle 86">
            <a:extLst>
              <a:ext uri="{FF2B5EF4-FFF2-40B4-BE49-F238E27FC236}">
                <a16:creationId xmlns:a16="http://schemas.microsoft.com/office/drawing/2014/main" id="{0F835370-CCEA-4410-BAAB-2B48FA01E192}"/>
              </a:ext>
            </a:extLst>
          </p:cNvPr>
          <p:cNvSpPr/>
          <p:nvPr/>
        </p:nvSpPr>
        <p:spPr bwMode="auto">
          <a:xfrm>
            <a:off x="6744240" y="2884792"/>
            <a:ext cx="512897" cy="348965"/>
          </a:xfrm>
          <a:prstGeom prst="rect">
            <a:avLst/>
          </a:prstGeom>
          <a:solidFill>
            <a:srgbClr val="90F6C9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vert270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>
                <a:solidFill>
                  <a:schemeClr val="tx1"/>
                </a:solidFill>
                <a:latin typeface="+mn-lt"/>
              </a:rPr>
              <a:t>VPN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15696B9-C419-47BD-8504-92AA2CEF1F76}"/>
              </a:ext>
            </a:extLst>
          </p:cNvPr>
          <p:cNvSpPr/>
          <p:nvPr/>
        </p:nvSpPr>
        <p:spPr bwMode="auto">
          <a:xfrm>
            <a:off x="7452981" y="2884793"/>
            <a:ext cx="512897" cy="348965"/>
          </a:xfrm>
          <a:prstGeom prst="rect">
            <a:avLst/>
          </a:prstGeom>
          <a:solidFill>
            <a:srgbClr val="58F2AE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vert270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>
                <a:solidFill>
                  <a:schemeClr val="tx1"/>
                </a:solidFill>
                <a:latin typeface="+mn-lt"/>
              </a:rPr>
              <a:t>VPN</a:t>
            </a:r>
          </a:p>
        </p:txBody>
      </p:sp>
      <p:sp>
        <p:nvSpPr>
          <p:cNvPr id="89" name="Rectangle 88">
            <a:extLst>
              <a:ext uri="{FF2B5EF4-FFF2-40B4-BE49-F238E27FC236}">
                <a16:creationId xmlns:a16="http://schemas.microsoft.com/office/drawing/2014/main" id="{3C8ECEE0-6200-4141-AE17-558F9AC6D86B}"/>
              </a:ext>
            </a:extLst>
          </p:cNvPr>
          <p:cNvSpPr/>
          <p:nvPr/>
        </p:nvSpPr>
        <p:spPr bwMode="auto">
          <a:xfrm>
            <a:off x="5719839" y="2884792"/>
            <a:ext cx="512897" cy="348965"/>
          </a:xfrm>
          <a:prstGeom prst="rect">
            <a:avLst/>
          </a:prstGeom>
          <a:solidFill>
            <a:srgbClr val="C9E6FF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vert270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750">
                <a:solidFill>
                  <a:schemeClr val="tx1"/>
                </a:solidFill>
                <a:latin typeface="+mn-lt"/>
              </a:rPr>
              <a:t>VPN</a:t>
            </a:r>
          </a:p>
        </p:txBody>
      </p:sp>
      <p:grpSp>
        <p:nvGrpSpPr>
          <p:cNvPr id="90" name="Group 89">
            <a:extLst>
              <a:ext uri="{FF2B5EF4-FFF2-40B4-BE49-F238E27FC236}">
                <a16:creationId xmlns:a16="http://schemas.microsoft.com/office/drawing/2014/main" id="{FB01C5C2-D739-45B4-BF21-206E82274448}"/>
              </a:ext>
            </a:extLst>
          </p:cNvPr>
          <p:cNvGrpSpPr/>
          <p:nvPr/>
        </p:nvGrpSpPr>
        <p:grpSpPr>
          <a:xfrm>
            <a:off x="6969782" y="2929885"/>
            <a:ext cx="300082" cy="302221"/>
            <a:chOff x="5442346" y="4101719"/>
            <a:chExt cx="400109" cy="402960"/>
          </a:xfrm>
        </p:grpSpPr>
        <p:pic>
          <p:nvPicPr>
            <p:cNvPr id="91" name="Picture 46" descr="SmartEdge_Router.wmf">
              <a:extLst>
                <a:ext uri="{FF2B5EF4-FFF2-40B4-BE49-F238E27FC236}">
                  <a16:creationId xmlns:a16="http://schemas.microsoft.com/office/drawing/2014/main" id="{68341A20-5333-4504-A412-C5A15B2BD5E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2" name="Text Box 375">
              <a:extLst>
                <a:ext uri="{FF2B5EF4-FFF2-40B4-BE49-F238E27FC236}">
                  <a16:creationId xmlns:a16="http://schemas.microsoft.com/office/drawing/2014/main" id="{86538526-53F4-4C46-90F9-51BFD2FEBCF2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00109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VRF</a:t>
              </a:r>
            </a:p>
          </p:txBody>
        </p:sp>
      </p:grpSp>
      <p:grpSp>
        <p:nvGrpSpPr>
          <p:cNvPr id="93" name="Group 92">
            <a:extLst>
              <a:ext uri="{FF2B5EF4-FFF2-40B4-BE49-F238E27FC236}">
                <a16:creationId xmlns:a16="http://schemas.microsoft.com/office/drawing/2014/main" id="{00774A47-F3EE-4F9C-A6FE-BB74C4E66EA4}"/>
              </a:ext>
            </a:extLst>
          </p:cNvPr>
          <p:cNvGrpSpPr/>
          <p:nvPr/>
        </p:nvGrpSpPr>
        <p:grpSpPr>
          <a:xfrm>
            <a:off x="7670745" y="2929885"/>
            <a:ext cx="300082" cy="302221"/>
            <a:chOff x="5442346" y="4101719"/>
            <a:chExt cx="400109" cy="402960"/>
          </a:xfrm>
        </p:grpSpPr>
        <p:pic>
          <p:nvPicPr>
            <p:cNvPr id="94" name="Picture 46" descr="SmartEdge_Router.wmf">
              <a:extLst>
                <a:ext uri="{FF2B5EF4-FFF2-40B4-BE49-F238E27FC236}">
                  <a16:creationId xmlns:a16="http://schemas.microsoft.com/office/drawing/2014/main" id="{18A55E01-2C2B-44FA-92C8-4C411875624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5" name="Text Box 375">
              <a:extLst>
                <a:ext uri="{FF2B5EF4-FFF2-40B4-BE49-F238E27FC236}">
                  <a16:creationId xmlns:a16="http://schemas.microsoft.com/office/drawing/2014/main" id="{881BBA81-1D07-4C4A-B6AF-547FB2471911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00109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VRF</a:t>
              </a:r>
            </a:p>
          </p:txBody>
        </p:sp>
      </p:grpSp>
      <p:grpSp>
        <p:nvGrpSpPr>
          <p:cNvPr id="96" name="Group 95">
            <a:extLst>
              <a:ext uri="{FF2B5EF4-FFF2-40B4-BE49-F238E27FC236}">
                <a16:creationId xmlns:a16="http://schemas.microsoft.com/office/drawing/2014/main" id="{EC8CD215-2438-4D9E-81A3-E695E6987FC2}"/>
              </a:ext>
            </a:extLst>
          </p:cNvPr>
          <p:cNvGrpSpPr/>
          <p:nvPr/>
        </p:nvGrpSpPr>
        <p:grpSpPr>
          <a:xfrm>
            <a:off x="5948830" y="2933722"/>
            <a:ext cx="300082" cy="302221"/>
            <a:chOff x="5442346" y="4101719"/>
            <a:chExt cx="400109" cy="402960"/>
          </a:xfrm>
        </p:grpSpPr>
        <p:pic>
          <p:nvPicPr>
            <p:cNvPr id="97" name="Picture 46" descr="SmartEdge_Router.wmf">
              <a:extLst>
                <a:ext uri="{FF2B5EF4-FFF2-40B4-BE49-F238E27FC236}">
                  <a16:creationId xmlns:a16="http://schemas.microsoft.com/office/drawing/2014/main" id="{39A17CF0-272E-49C9-A3E2-83A1D4EFD71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8" name="Text Box 375">
              <a:extLst>
                <a:ext uri="{FF2B5EF4-FFF2-40B4-BE49-F238E27FC236}">
                  <a16:creationId xmlns:a16="http://schemas.microsoft.com/office/drawing/2014/main" id="{624976AC-14A4-4209-9D9D-783C208C4CD2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00109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VRF</a:t>
              </a:r>
            </a:p>
          </p:txBody>
        </p:sp>
      </p:grpSp>
      <p:grpSp>
        <p:nvGrpSpPr>
          <p:cNvPr id="99" name="Group 98">
            <a:extLst>
              <a:ext uri="{FF2B5EF4-FFF2-40B4-BE49-F238E27FC236}">
                <a16:creationId xmlns:a16="http://schemas.microsoft.com/office/drawing/2014/main" id="{862C1247-D242-4282-8719-CEBD515CB68F}"/>
              </a:ext>
            </a:extLst>
          </p:cNvPr>
          <p:cNvGrpSpPr/>
          <p:nvPr/>
        </p:nvGrpSpPr>
        <p:grpSpPr>
          <a:xfrm>
            <a:off x="6661055" y="3250182"/>
            <a:ext cx="312906" cy="302221"/>
            <a:chOff x="5442346" y="4101719"/>
            <a:chExt cx="417207" cy="402960"/>
          </a:xfrm>
        </p:grpSpPr>
        <p:pic>
          <p:nvPicPr>
            <p:cNvPr id="100" name="Picture 46" descr="SmartEdge_Router.wmf">
              <a:extLst>
                <a:ext uri="{FF2B5EF4-FFF2-40B4-BE49-F238E27FC236}">
                  <a16:creationId xmlns:a16="http://schemas.microsoft.com/office/drawing/2014/main" id="{10C79326-9159-48FF-95F3-02DCE7B6FF8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88269" y="4101719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01" name="Text Box 375">
              <a:extLst>
                <a:ext uri="{FF2B5EF4-FFF2-40B4-BE49-F238E27FC236}">
                  <a16:creationId xmlns:a16="http://schemas.microsoft.com/office/drawing/2014/main" id="{B0BDA6E4-E9E7-49EB-8998-F60E30CFC1F3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5442346" y="4289235"/>
              <a:ext cx="417207" cy="21544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450"/>
                <a:t>GRD</a:t>
              </a:r>
            </a:p>
          </p:txBody>
        </p:sp>
      </p:grp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99F3919F-8E89-421C-8078-B4FF5DE73527}"/>
              </a:ext>
            </a:extLst>
          </p:cNvPr>
          <p:cNvCxnSpPr>
            <a:endCxn id="76" idx="1"/>
          </p:cNvCxnSpPr>
          <p:nvPr/>
        </p:nvCxnSpPr>
        <p:spPr bwMode="auto">
          <a:xfrm flipV="1">
            <a:off x="3116593" y="3379652"/>
            <a:ext cx="2606471" cy="6591"/>
          </a:xfrm>
          <a:prstGeom prst="straightConnector1">
            <a:avLst/>
          </a:prstGeom>
          <a:solidFill>
            <a:schemeClr val="accent1"/>
          </a:solidFill>
          <a:ln w="28575" cap="flat" cmpd="sng" algn="ctr">
            <a:solidFill>
              <a:schemeClr val="tx1"/>
            </a:solidFill>
            <a:prstDash val="dash"/>
            <a:round/>
            <a:headEnd type="triangle"/>
            <a:tailEnd type="triangle"/>
          </a:ln>
          <a:effectLst/>
        </p:spPr>
      </p:cxn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309F6D34-2924-4CC3-9FDC-6A2CFB841F30}"/>
              </a:ext>
            </a:extLst>
          </p:cNvPr>
          <p:cNvCxnSpPr>
            <a:cxnSpLocks/>
          </p:cNvCxnSpPr>
          <p:nvPr/>
        </p:nvCxnSpPr>
        <p:spPr bwMode="auto">
          <a:xfrm>
            <a:off x="3146515" y="3163315"/>
            <a:ext cx="4305845" cy="9653"/>
          </a:xfrm>
          <a:prstGeom prst="straightConnector1">
            <a:avLst/>
          </a:prstGeom>
          <a:solidFill>
            <a:schemeClr val="accent1"/>
          </a:solidFill>
          <a:ln w="28575" cap="flat" cmpd="sng" algn="ctr">
            <a:solidFill>
              <a:schemeClr val="tx1"/>
            </a:solidFill>
            <a:prstDash val="sysDot"/>
            <a:round/>
            <a:headEnd type="triangle"/>
            <a:tailEnd type="triangle"/>
          </a:ln>
          <a:effectLst/>
        </p:spPr>
      </p:cxnSp>
      <p:cxnSp>
        <p:nvCxnSpPr>
          <p:cNvPr id="103" name="Straight Arrow Connector 102">
            <a:extLst>
              <a:ext uri="{FF2B5EF4-FFF2-40B4-BE49-F238E27FC236}">
                <a16:creationId xmlns:a16="http://schemas.microsoft.com/office/drawing/2014/main" id="{8B6C3C7E-4941-45A8-A463-54ECB6572433}"/>
              </a:ext>
            </a:extLst>
          </p:cNvPr>
          <p:cNvCxnSpPr>
            <a:cxnSpLocks/>
          </p:cNvCxnSpPr>
          <p:nvPr/>
        </p:nvCxnSpPr>
        <p:spPr bwMode="auto">
          <a:xfrm>
            <a:off x="2428197" y="3097799"/>
            <a:ext cx="4305845" cy="9653"/>
          </a:xfrm>
          <a:prstGeom prst="straightConnector1">
            <a:avLst/>
          </a:prstGeom>
          <a:solidFill>
            <a:schemeClr val="accent1"/>
          </a:solidFill>
          <a:ln w="28575" cap="flat" cmpd="sng" algn="ctr">
            <a:solidFill>
              <a:schemeClr val="tx1"/>
            </a:solidFill>
            <a:prstDash val="sysDot"/>
            <a:round/>
            <a:headEnd type="triangle"/>
            <a:tailEnd type="triangle"/>
          </a:ln>
          <a:effectLst/>
        </p:spPr>
      </p:cxnSp>
      <p:cxnSp>
        <p:nvCxnSpPr>
          <p:cNvPr id="104" name="Straight Arrow Connector 103">
            <a:extLst>
              <a:ext uri="{FF2B5EF4-FFF2-40B4-BE49-F238E27FC236}">
                <a16:creationId xmlns:a16="http://schemas.microsoft.com/office/drawing/2014/main" id="{CA8094D6-3660-4D9D-A9B0-38921468BA9F}"/>
              </a:ext>
            </a:extLst>
          </p:cNvPr>
          <p:cNvCxnSpPr>
            <a:cxnSpLocks/>
          </p:cNvCxnSpPr>
          <p:nvPr/>
        </p:nvCxnSpPr>
        <p:spPr bwMode="auto">
          <a:xfrm>
            <a:off x="1871500" y="3032284"/>
            <a:ext cx="4305845" cy="9653"/>
          </a:xfrm>
          <a:prstGeom prst="straightConnector1">
            <a:avLst/>
          </a:prstGeom>
          <a:solidFill>
            <a:schemeClr val="accent1"/>
          </a:solidFill>
          <a:ln w="28575" cap="flat" cmpd="sng" algn="ctr">
            <a:solidFill>
              <a:schemeClr val="tx1"/>
            </a:solidFill>
            <a:prstDash val="sysDot"/>
            <a:round/>
            <a:headEnd type="triangle"/>
            <a:tailEnd type="triangle"/>
          </a:ln>
          <a:effectLst/>
        </p:spPr>
      </p:cxnSp>
      <p:cxnSp>
        <p:nvCxnSpPr>
          <p:cNvPr id="105" name="Straight Arrow Connector 104">
            <a:extLst>
              <a:ext uri="{FF2B5EF4-FFF2-40B4-BE49-F238E27FC236}">
                <a16:creationId xmlns:a16="http://schemas.microsoft.com/office/drawing/2014/main" id="{631D75AC-C0F0-4946-A75E-1CD041B71341}"/>
              </a:ext>
            </a:extLst>
          </p:cNvPr>
          <p:cNvCxnSpPr>
            <a:cxnSpLocks/>
          </p:cNvCxnSpPr>
          <p:nvPr/>
        </p:nvCxnSpPr>
        <p:spPr bwMode="auto">
          <a:xfrm>
            <a:off x="1376423" y="2966768"/>
            <a:ext cx="4305845" cy="9653"/>
          </a:xfrm>
          <a:prstGeom prst="straightConnector1">
            <a:avLst/>
          </a:prstGeom>
          <a:solidFill>
            <a:schemeClr val="accent1"/>
          </a:solidFill>
          <a:ln w="28575" cap="flat" cmpd="sng" algn="ctr">
            <a:solidFill>
              <a:schemeClr val="tx1"/>
            </a:solidFill>
            <a:prstDash val="sysDot"/>
            <a:round/>
            <a:headEnd type="triangle"/>
            <a:tailEnd type="triangle"/>
          </a:ln>
          <a:effectLst/>
        </p:spPr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204BF71B-C16C-4487-8B9B-F3C928B8C887}"/>
              </a:ext>
            </a:extLst>
          </p:cNvPr>
          <p:cNvSpPr txBox="1"/>
          <p:nvPr/>
        </p:nvSpPr>
        <p:spPr>
          <a:xfrm>
            <a:off x="4261764" y="3394313"/>
            <a:ext cx="685800" cy="685800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Bef>
                <a:spcPts val="600"/>
              </a:spcBef>
              <a:spcAft>
                <a:spcPct val="0"/>
              </a:spcAft>
              <a:buClrTx/>
            </a:pPr>
            <a:r>
              <a:rPr lang="en-US" sz="750" kern="1000" spc="-23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GRD routes</a:t>
            </a:r>
            <a:endParaRPr lang="sv-SE" sz="750" kern="1000" spc="-23">
              <a:solidFill>
                <a:schemeClr val="tx1"/>
              </a:solidFill>
              <a:latin typeface="Ericsson Hilda"/>
              <a:ea typeface="+mn-ea"/>
              <a:cs typeface="+mn-cs"/>
            </a:endParaRPr>
          </a:p>
        </p:txBody>
      </p:sp>
      <p:sp>
        <p:nvSpPr>
          <p:cNvPr id="106" name="TextBox 105">
            <a:extLst>
              <a:ext uri="{FF2B5EF4-FFF2-40B4-BE49-F238E27FC236}">
                <a16:creationId xmlns:a16="http://schemas.microsoft.com/office/drawing/2014/main" id="{7800A4C2-4CC9-4794-B49D-DA38585DEB9D}"/>
              </a:ext>
            </a:extLst>
          </p:cNvPr>
          <p:cNvSpPr txBox="1"/>
          <p:nvPr/>
        </p:nvSpPr>
        <p:spPr>
          <a:xfrm>
            <a:off x="4264931" y="3215831"/>
            <a:ext cx="685800" cy="313536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Bef>
                <a:spcPts val="600"/>
              </a:spcBef>
              <a:spcAft>
                <a:spcPct val="0"/>
              </a:spcAft>
              <a:buClrTx/>
            </a:pPr>
            <a:r>
              <a:rPr lang="en-US" sz="750" kern="1000" spc="-23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VPN routes</a:t>
            </a:r>
            <a:endParaRPr lang="sv-SE" sz="750" kern="1000" spc="-23">
              <a:solidFill>
                <a:schemeClr val="tx1"/>
              </a:solidFill>
              <a:latin typeface="Ericsson Hilda"/>
              <a:ea typeface="+mn-ea"/>
              <a:cs typeface="+mn-cs"/>
            </a:endParaRPr>
          </a:p>
        </p:txBody>
      </p:sp>
      <p:sp>
        <p:nvSpPr>
          <p:cNvPr id="12" name="Cylinder 11">
            <a:extLst>
              <a:ext uri="{FF2B5EF4-FFF2-40B4-BE49-F238E27FC236}">
                <a16:creationId xmlns:a16="http://schemas.microsoft.com/office/drawing/2014/main" id="{FC46C302-AB20-473B-9C19-C6894A321AA1}"/>
              </a:ext>
            </a:extLst>
          </p:cNvPr>
          <p:cNvSpPr/>
          <p:nvPr/>
        </p:nvSpPr>
        <p:spPr bwMode="auto">
          <a:xfrm rot="16200000">
            <a:off x="4104929" y="2477024"/>
            <a:ext cx="705544" cy="1399032"/>
          </a:xfrm>
          <a:prstGeom prst="can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sv-SE" sz="1050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3B665FA0-4F6A-4E37-A034-3C5F4AAF1DF1}"/>
              </a:ext>
            </a:extLst>
          </p:cNvPr>
          <p:cNvSpPr txBox="1"/>
          <p:nvPr/>
        </p:nvSpPr>
        <p:spPr>
          <a:xfrm>
            <a:off x="4216311" y="2623625"/>
            <a:ext cx="685800" cy="685800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Bef>
                <a:spcPts val="600"/>
              </a:spcBef>
              <a:spcAft>
                <a:spcPct val="0"/>
              </a:spcAft>
              <a:buClrTx/>
            </a:pPr>
            <a:r>
              <a:rPr lang="en-US" sz="750" kern="1000" spc="-23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BGP EVPN</a:t>
            </a:r>
            <a:endParaRPr lang="sv-SE" sz="750" kern="1000" spc="-23">
              <a:solidFill>
                <a:schemeClr val="tx1"/>
              </a:solidFill>
              <a:latin typeface="Ericsson Hilda"/>
              <a:ea typeface="+mn-ea"/>
              <a:cs typeface="+mn-cs"/>
            </a:endParaRPr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A60DAB9F-333F-4BCE-905D-6602CB53BB88}"/>
              </a:ext>
            </a:extLst>
          </p:cNvPr>
          <p:cNvSpPr txBox="1"/>
          <p:nvPr/>
        </p:nvSpPr>
        <p:spPr>
          <a:xfrm>
            <a:off x="1326452" y="4504364"/>
            <a:ext cx="685800" cy="685800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Bef>
                <a:spcPts val="600"/>
              </a:spcBef>
              <a:spcAft>
                <a:spcPct val="0"/>
              </a:spcAft>
              <a:buClrTx/>
            </a:pPr>
            <a:r>
              <a:rPr lang="en-US" sz="1050" kern="1000" spc="-23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Site 1</a:t>
            </a:r>
            <a:endParaRPr lang="sv-SE" sz="1050" kern="1000" spc="-23">
              <a:solidFill>
                <a:schemeClr val="tx1"/>
              </a:solidFill>
              <a:latin typeface="Ericsson Hilda"/>
              <a:ea typeface="+mn-ea"/>
              <a:cs typeface="+mn-cs"/>
            </a:endParaRPr>
          </a:p>
        </p:txBody>
      </p:sp>
      <p:sp>
        <p:nvSpPr>
          <p:cNvPr id="109" name="TextBox 108">
            <a:extLst>
              <a:ext uri="{FF2B5EF4-FFF2-40B4-BE49-F238E27FC236}">
                <a16:creationId xmlns:a16="http://schemas.microsoft.com/office/drawing/2014/main" id="{17E368F4-1D5A-4C3A-8EFC-230FAC2C1BEC}"/>
              </a:ext>
            </a:extLst>
          </p:cNvPr>
          <p:cNvSpPr txBox="1"/>
          <p:nvPr/>
        </p:nvSpPr>
        <p:spPr>
          <a:xfrm>
            <a:off x="6722299" y="4540265"/>
            <a:ext cx="685800" cy="685800"/>
          </a:xfrm>
          <a:prstGeom prst="rect">
            <a:avLst/>
          </a:prstGeom>
        </p:spPr>
        <p:txBody>
          <a:bodyPr vert="horz" wrap="none" lIns="54000" tIns="27000" rIns="54000" bIns="27000" rtlCol="0" anchor="t">
            <a:noAutofit/>
          </a:bodyPr>
          <a:lstStyle/>
          <a:p>
            <a:pPr defTabSz="685800" fontAlgn="base">
              <a:spcBef>
                <a:spcPts val="600"/>
              </a:spcBef>
              <a:spcAft>
                <a:spcPct val="0"/>
              </a:spcAft>
              <a:buClrTx/>
            </a:pPr>
            <a:r>
              <a:rPr lang="en-US" sz="1050" kern="1000" spc="-23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Site N</a:t>
            </a:r>
            <a:endParaRPr lang="sv-SE" sz="1050" kern="1000" spc="-23">
              <a:solidFill>
                <a:schemeClr val="tx1"/>
              </a:solidFill>
              <a:latin typeface="Ericsson Hild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4333187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DDE80F-D763-7A2D-65DC-93F2EC898A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6606" y="273844"/>
            <a:ext cx="8458200" cy="615523"/>
          </a:xfrm>
        </p:spPr>
        <p:txBody>
          <a:bodyPr/>
          <a:lstStyle/>
          <a:p>
            <a:r>
              <a:rPr lang="en-US"/>
              <a:t>Agenda</a:t>
            </a:r>
            <a:endParaRPr lang="en-D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224AA4-5480-7F79-7C43-FD77CE13F82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46606" y="1318220"/>
            <a:ext cx="8458200" cy="3881802"/>
          </a:xfrm>
        </p:spPr>
        <p:txBody>
          <a:bodyPr/>
          <a:lstStyle/>
          <a:p>
            <a:pPr>
              <a:lnSpc>
                <a:spcPct val="200000"/>
              </a:lnSpc>
            </a:pPr>
            <a:r>
              <a:rPr lang="en-US"/>
              <a:t>Intel-Ericsson IPU PoC Overview</a:t>
            </a:r>
          </a:p>
          <a:p>
            <a:pPr>
              <a:lnSpc>
                <a:spcPct val="200000"/>
              </a:lnSpc>
            </a:pPr>
            <a:r>
              <a:rPr lang="en-US"/>
              <a:t>Network Architecture</a:t>
            </a:r>
          </a:p>
          <a:p>
            <a:pPr>
              <a:lnSpc>
                <a:spcPct val="200000"/>
              </a:lnSpc>
            </a:pPr>
            <a:r>
              <a:rPr lang="en-US"/>
              <a:t>K8s Tenant Networking and EVPN GW Design</a:t>
            </a:r>
          </a:p>
          <a:p>
            <a:pPr lvl="1">
              <a:lnSpc>
                <a:spcPct val="200000"/>
              </a:lnSpc>
            </a:pPr>
            <a:r>
              <a:rPr lang="en-US"/>
              <a:t>EVPN GW API (Already merged to OPI)</a:t>
            </a:r>
          </a:p>
          <a:p>
            <a:pPr lvl="1">
              <a:lnSpc>
                <a:spcPct val="200000"/>
              </a:lnSpc>
            </a:pPr>
            <a:r>
              <a:rPr lang="en-US"/>
              <a:t>Target Architecture</a:t>
            </a:r>
          </a:p>
          <a:p>
            <a:pPr>
              <a:lnSpc>
                <a:spcPct val="200000"/>
              </a:lnSpc>
            </a:pPr>
            <a:r>
              <a:rPr lang="en-US"/>
              <a:t>OPI-EVPN-Bridge Architecture</a:t>
            </a:r>
          </a:p>
          <a:p>
            <a:pPr>
              <a:lnSpc>
                <a:spcPct val="200000"/>
              </a:lnSpc>
            </a:pPr>
            <a:r>
              <a:rPr lang="en-US"/>
              <a:t>Sequence Diagrams</a:t>
            </a:r>
          </a:p>
          <a:p>
            <a:pPr>
              <a:lnSpc>
                <a:spcPct val="200000"/>
              </a:lnSpc>
            </a:pPr>
            <a:r>
              <a:rPr lang="en-US"/>
              <a:t>References</a:t>
            </a:r>
          </a:p>
          <a:p>
            <a:pPr lvl="1"/>
            <a:endParaRPr lang="en-US"/>
          </a:p>
          <a:p>
            <a:endParaRPr lang="en-US"/>
          </a:p>
          <a:p>
            <a:pPr lvl="1"/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36547602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5CF673-A18E-4342-86B7-320A29E92F50}"/>
              </a:ext>
            </a:extLst>
          </p:cNvPr>
          <p:cNvSpPr>
            <a:spLocks noGrp="1"/>
          </p:cNvSpPr>
          <p:nvPr>
            <p:ph sz="quarter" idx="28"/>
          </p:nvPr>
        </p:nvSpPr>
        <p:spPr>
          <a:xfrm>
            <a:off x="359568" y="936746"/>
            <a:ext cx="8515918" cy="327000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IE" sz="1400" b="1"/>
              <a:t>Overview of the Intel-Ericsson IPU PoC</a:t>
            </a:r>
            <a:endParaRPr lang="en-IE" sz="1400"/>
          </a:p>
          <a:p>
            <a:pPr marL="285750" indent="-285750"/>
            <a:r>
              <a:rPr lang="en-IE" sz="1400"/>
              <a:t>Working together on several IPU-based use cases :</a:t>
            </a:r>
          </a:p>
          <a:p>
            <a:pPr marL="742950" lvl="1" indent="-285750"/>
            <a:r>
              <a:rPr lang="en-IE" sz="1000"/>
              <a:t>Telco edge networking for K8s</a:t>
            </a:r>
          </a:p>
          <a:p>
            <a:pPr marL="742950" lvl="1" indent="-285750"/>
            <a:r>
              <a:rPr lang="en-IE" sz="1000"/>
              <a:t>remote manageability</a:t>
            </a:r>
          </a:p>
          <a:p>
            <a:pPr marL="742950" lvl="1" indent="-285750"/>
            <a:r>
              <a:rPr lang="en-IE" sz="1000"/>
              <a:t>NW Security</a:t>
            </a:r>
            <a:endParaRPr lang="en-IE" sz="1400"/>
          </a:p>
          <a:p>
            <a:pPr marL="0" indent="0">
              <a:buNone/>
            </a:pPr>
            <a:endParaRPr lang="en-IE" sz="1400" b="1"/>
          </a:p>
          <a:p>
            <a:pPr marL="0" indent="0">
              <a:buNone/>
            </a:pPr>
            <a:endParaRPr lang="en-IE" sz="1400" b="1"/>
          </a:p>
          <a:p>
            <a:pPr marL="0" indent="0">
              <a:buNone/>
            </a:pPr>
            <a:r>
              <a:rPr lang="en-IE" sz="1400" b="1"/>
              <a:t>Focus of the Networking use case</a:t>
            </a:r>
            <a:endParaRPr lang="en-IE" sz="1400"/>
          </a:p>
          <a:p>
            <a:pPr marL="285750" indent="-285750"/>
            <a:r>
              <a:rPr lang="en-US" sz="1400"/>
              <a:t>Supporting K8s primary and accelerated secondary networking – latter is critical for Telco use cases</a:t>
            </a:r>
          </a:p>
          <a:p>
            <a:pPr marL="285750" indent="-285750"/>
            <a:r>
              <a:rPr lang="en-US" sz="1400"/>
              <a:t>An Integrated edge router (‘EVPN GW’) and managed underlay on the IPU</a:t>
            </a:r>
          </a:p>
          <a:p>
            <a:pPr marL="285750" indent="-285750"/>
            <a:r>
              <a:rPr lang="en-US" sz="1400"/>
              <a:t>Building on open-source control planes on the IPU</a:t>
            </a:r>
            <a:endParaRPr lang="en-US" sz="1400">
              <a:sym typeface="Wingdings" panose="05000000000000000000" pitchFamily="2" charset="2"/>
            </a:endParaRPr>
          </a:p>
          <a:p>
            <a:pPr marL="285750" indent="-285750"/>
            <a:r>
              <a:rPr lang="en-US" sz="1400">
                <a:sym typeface="Wingdings" panose="05000000000000000000" pitchFamily="2" charset="2"/>
              </a:rPr>
              <a:t>Open architecture based on standard interfaces with g</a:t>
            </a:r>
            <a:r>
              <a:rPr lang="en-US" sz="1400"/>
              <a:t>oal to contribute vendor-agnostic code to the OPI community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05C65A4-B52F-4449-9D87-31A9F8380DC2}"/>
              </a:ext>
            </a:extLst>
          </p:cNvPr>
          <p:cNvSpPr txBox="1">
            <a:spLocks/>
          </p:cNvSpPr>
          <p:nvPr/>
        </p:nvSpPr>
        <p:spPr bwMode="auto">
          <a:xfrm>
            <a:off x="359569" y="169033"/>
            <a:ext cx="7817984" cy="810816"/>
          </a:xfrm>
          <a:prstGeom prst="rect">
            <a:avLst/>
          </a:prstGeom>
          <a:noFill/>
          <a:ln w="12700">
            <a:noFill/>
            <a:miter lim="400000"/>
            <a:headEnd/>
            <a:tailEnd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rgbClr val="52525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defTabSz="685800">
              <a:spcBef>
                <a:spcPts val="225"/>
              </a:spcBef>
              <a:buClrTx/>
              <a:defRPr/>
            </a:pPr>
            <a:r>
              <a:rPr lang="en-IE" sz="3000" spc="-120">
                <a:solidFill>
                  <a:srgbClr val="181818"/>
                </a:solidFill>
                <a:latin typeface="Ericsson Hilda Light"/>
                <a:cs typeface="Calibri Light"/>
              </a:rPr>
              <a:t>Intel-Ericsson IPU POC Overview</a:t>
            </a:r>
            <a:endParaRPr lang="en-US" sz="3000" spc="-120">
              <a:solidFill>
                <a:srgbClr val="181818"/>
              </a:solidFill>
              <a:latin typeface="Ericsson Hilda Light"/>
              <a:cs typeface="Calibri Light"/>
            </a:endParaRPr>
          </a:p>
        </p:txBody>
      </p:sp>
    </p:spTree>
    <p:extLst>
      <p:ext uri="{BB962C8B-B14F-4D97-AF65-F5344CB8AC3E}">
        <p14:creationId xmlns:p14="http://schemas.microsoft.com/office/powerpoint/2010/main" val="2469568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E42817-A28D-4A27-A3CF-10DC610DEF3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352856" y="1914321"/>
            <a:ext cx="6265069" cy="1210412"/>
          </a:xfrm>
        </p:spPr>
        <p:txBody>
          <a:bodyPr anchor="b">
            <a:normAutofit/>
          </a:bodyPr>
          <a:lstStyle/>
          <a:p>
            <a:r>
              <a:rPr lang="en-IE" sz="3600"/>
              <a:t>Network Architecture</a:t>
            </a:r>
            <a:endParaRPr lang="en-US" sz="3600"/>
          </a:p>
        </p:txBody>
      </p:sp>
    </p:spTree>
    <p:extLst>
      <p:ext uri="{BB962C8B-B14F-4D97-AF65-F5344CB8AC3E}">
        <p14:creationId xmlns:p14="http://schemas.microsoft.com/office/powerpoint/2010/main" val="349226770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>
            <a:extLst>
              <a:ext uri="{FF2B5EF4-FFF2-40B4-BE49-F238E27FC236}">
                <a16:creationId xmlns:a16="http://schemas.microsoft.com/office/drawing/2014/main" id="{3E063BAC-C063-46C3-B522-99D3C49835F9}"/>
              </a:ext>
            </a:extLst>
          </p:cNvPr>
          <p:cNvGrpSpPr/>
          <p:nvPr/>
        </p:nvGrpSpPr>
        <p:grpSpPr>
          <a:xfrm>
            <a:off x="903589" y="2024963"/>
            <a:ext cx="1164125" cy="1644994"/>
            <a:chOff x="1204784" y="2699950"/>
            <a:chExt cx="1552167" cy="2193325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DE2895C8-8483-4AEC-976D-F918A152E907}"/>
                </a:ext>
              </a:extLst>
            </p:cNvPr>
            <p:cNvSpPr/>
            <p:nvPr/>
          </p:nvSpPr>
          <p:spPr bwMode="auto">
            <a:xfrm>
              <a:off x="1204784" y="2699950"/>
              <a:ext cx="1552167" cy="2193325"/>
            </a:xfrm>
            <a:prstGeom prst="roundRect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35000" indent="-135000">
                <a:spcBef>
                  <a:spcPts val="6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C46944E3-6852-43D5-BA36-2DC69C06E185}"/>
                </a:ext>
              </a:extLst>
            </p:cNvPr>
            <p:cNvSpPr txBox="1"/>
            <p:nvPr/>
          </p:nvSpPr>
          <p:spPr>
            <a:xfrm>
              <a:off x="1308050" y="4590620"/>
              <a:ext cx="914400" cy="302655"/>
            </a:xfrm>
            <a:prstGeom prst="rect">
              <a:avLst/>
            </a:prstGeom>
          </p:spPr>
          <p:txBody>
            <a:bodyPr vert="horz" wrap="none" lIns="54000" tIns="27000" rIns="54000" bIns="27000" rtlCol="0" anchor="t">
              <a:noAutofit/>
            </a:bodyPr>
            <a:lstStyle/>
            <a:p>
              <a:pPr defTabSz="685800" fontAlgn="base">
                <a:spcBef>
                  <a:spcPts val="600"/>
                </a:spcBef>
                <a:spcAft>
                  <a:spcPct val="0"/>
                </a:spcAft>
                <a:buClrTx/>
              </a:pPr>
              <a:r>
                <a:rPr lang="en-US" sz="1050" kern="1000" spc="-23">
                  <a:solidFill>
                    <a:srgbClr val="181818"/>
                  </a:solidFill>
                  <a:latin typeface="Ericsson Hilda"/>
                  <a:ea typeface="+mn-ea"/>
                  <a:cs typeface="+mn-cs"/>
                </a:rPr>
                <a:t>Datacenter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68FEBDA0-E75A-4562-ACA9-4A9F8F60DD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568" y="357188"/>
            <a:ext cx="7131245" cy="810816"/>
          </a:xfrm>
        </p:spPr>
        <p:txBody>
          <a:bodyPr/>
          <a:lstStyle/>
          <a:p>
            <a:r>
              <a:rPr lang="en-US"/>
              <a:t>EVPN – Overlay and Network Separation</a:t>
            </a:r>
          </a:p>
        </p:txBody>
      </p:sp>
      <p:pic>
        <p:nvPicPr>
          <p:cNvPr id="67" name="Picture 8">
            <a:extLst>
              <a:ext uri="{FF2B5EF4-FFF2-40B4-BE49-F238E27FC236}">
                <a16:creationId xmlns:a16="http://schemas.microsoft.com/office/drawing/2014/main" id="{979A9616-24D9-47E5-8004-0951FC5F52D9}"/>
              </a:ext>
            </a:extLst>
          </p:cNvPr>
          <p:cNvPicPr>
            <a:picLocks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48584" y="2193850"/>
            <a:ext cx="1853804" cy="9840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" name="Picture 8">
            <a:extLst>
              <a:ext uri="{FF2B5EF4-FFF2-40B4-BE49-F238E27FC236}">
                <a16:creationId xmlns:a16="http://schemas.microsoft.com/office/drawing/2014/main" id="{6F9584E5-22A7-4B54-A6D8-7EAB9A98D757}"/>
              </a:ext>
            </a:extLst>
          </p:cNvPr>
          <p:cNvPicPr>
            <a:picLocks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99455" y="1988377"/>
            <a:ext cx="2552700" cy="13454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4" name="Picture 8">
            <a:extLst>
              <a:ext uri="{FF2B5EF4-FFF2-40B4-BE49-F238E27FC236}">
                <a16:creationId xmlns:a16="http://schemas.microsoft.com/office/drawing/2014/main" id="{82AFFD5D-4080-48C2-BC24-6FB9A88231BE}"/>
              </a:ext>
            </a:extLst>
          </p:cNvPr>
          <p:cNvPicPr>
            <a:picLocks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7753" y="2354613"/>
            <a:ext cx="1232297" cy="8548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C7B6CA27-256E-4DD5-A63D-27FF66E7808F}"/>
              </a:ext>
            </a:extLst>
          </p:cNvPr>
          <p:cNvSpPr/>
          <p:nvPr/>
        </p:nvSpPr>
        <p:spPr bwMode="auto">
          <a:xfrm>
            <a:off x="1024829" y="2318693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1" name="Rectangle 90">
            <a:extLst>
              <a:ext uri="{FF2B5EF4-FFF2-40B4-BE49-F238E27FC236}">
                <a16:creationId xmlns:a16="http://schemas.microsoft.com/office/drawing/2014/main" id="{1E9D2868-B547-4DAA-A235-6A4E934A6851}"/>
              </a:ext>
            </a:extLst>
          </p:cNvPr>
          <p:cNvSpPr/>
          <p:nvPr/>
        </p:nvSpPr>
        <p:spPr bwMode="auto">
          <a:xfrm>
            <a:off x="1024829" y="24332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2" name="Rectangle 91">
            <a:extLst>
              <a:ext uri="{FF2B5EF4-FFF2-40B4-BE49-F238E27FC236}">
                <a16:creationId xmlns:a16="http://schemas.microsoft.com/office/drawing/2014/main" id="{F30B72D8-9043-497D-9290-BE629022BD0B}"/>
              </a:ext>
            </a:extLst>
          </p:cNvPr>
          <p:cNvSpPr/>
          <p:nvPr/>
        </p:nvSpPr>
        <p:spPr bwMode="auto">
          <a:xfrm>
            <a:off x="1024829" y="25475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id="{345908EF-3D02-47AF-8370-B20474A1679E}"/>
              </a:ext>
            </a:extLst>
          </p:cNvPr>
          <p:cNvSpPr/>
          <p:nvPr/>
        </p:nvSpPr>
        <p:spPr bwMode="auto">
          <a:xfrm>
            <a:off x="1024829" y="26618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4" name="Rectangle 93">
            <a:extLst>
              <a:ext uri="{FF2B5EF4-FFF2-40B4-BE49-F238E27FC236}">
                <a16:creationId xmlns:a16="http://schemas.microsoft.com/office/drawing/2014/main" id="{9107308A-4A99-4B2B-B09D-C1716F33E500}"/>
              </a:ext>
            </a:extLst>
          </p:cNvPr>
          <p:cNvSpPr/>
          <p:nvPr/>
        </p:nvSpPr>
        <p:spPr bwMode="auto">
          <a:xfrm>
            <a:off x="1024829" y="27761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5" name="Rectangle 94">
            <a:extLst>
              <a:ext uri="{FF2B5EF4-FFF2-40B4-BE49-F238E27FC236}">
                <a16:creationId xmlns:a16="http://schemas.microsoft.com/office/drawing/2014/main" id="{9B2FCD20-3B01-4A0D-BA3B-52E95E4CEB8D}"/>
              </a:ext>
            </a:extLst>
          </p:cNvPr>
          <p:cNvSpPr/>
          <p:nvPr/>
        </p:nvSpPr>
        <p:spPr bwMode="auto">
          <a:xfrm>
            <a:off x="1024829" y="28904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B4DA9F8B-9F88-4C87-8A36-248B67931946}"/>
              </a:ext>
            </a:extLst>
          </p:cNvPr>
          <p:cNvSpPr/>
          <p:nvPr/>
        </p:nvSpPr>
        <p:spPr bwMode="auto">
          <a:xfrm>
            <a:off x="1024829" y="3004726"/>
            <a:ext cx="261861" cy="6667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7F5FE8E7-FD0C-4023-8B75-EC53AB89191A}"/>
              </a:ext>
            </a:extLst>
          </p:cNvPr>
          <p:cNvSpPr txBox="1"/>
          <p:nvPr/>
        </p:nvSpPr>
        <p:spPr>
          <a:xfrm>
            <a:off x="951251" y="3084921"/>
            <a:ext cx="421736" cy="30008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altLang="LID4096" sz="675"/>
              <a:t>servers</a:t>
            </a:r>
            <a:endParaRPr lang="en-US" sz="675"/>
          </a:p>
        </p:txBody>
      </p: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322317A3-6633-4054-8D01-9515BFAB5C44}"/>
              </a:ext>
            </a:extLst>
          </p:cNvPr>
          <p:cNvCxnSpPr>
            <a:cxnSpLocks/>
          </p:cNvCxnSpPr>
          <p:nvPr/>
        </p:nvCxnSpPr>
        <p:spPr bwMode="auto">
          <a:xfrm>
            <a:off x="1890358" y="2527639"/>
            <a:ext cx="99941" cy="82544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99" name="Straight Connector 98">
            <a:extLst>
              <a:ext uri="{FF2B5EF4-FFF2-40B4-BE49-F238E27FC236}">
                <a16:creationId xmlns:a16="http://schemas.microsoft.com/office/drawing/2014/main" id="{B623D9B2-6C31-465F-93D5-4E1C4C100FCD}"/>
              </a:ext>
            </a:extLst>
          </p:cNvPr>
          <p:cNvCxnSpPr>
            <a:cxnSpLocks/>
            <a:stCxn id="89" idx="3"/>
          </p:cNvCxnSpPr>
          <p:nvPr/>
        </p:nvCxnSpPr>
        <p:spPr bwMode="auto">
          <a:xfrm flipV="1">
            <a:off x="1890637" y="2826713"/>
            <a:ext cx="118613" cy="12308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sp>
        <p:nvSpPr>
          <p:cNvPr id="54" name="TextBox 53">
            <a:extLst>
              <a:ext uri="{FF2B5EF4-FFF2-40B4-BE49-F238E27FC236}">
                <a16:creationId xmlns:a16="http://schemas.microsoft.com/office/drawing/2014/main" id="{EE76F045-C8EA-4EAB-8E8F-01151B8ACAA8}"/>
              </a:ext>
            </a:extLst>
          </p:cNvPr>
          <p:cNvSpPr txBox="1"/>
          <p:nvPr/>
        </p:nvSpPr>
        <p:spPr>
          <a:xfrm>
            <a:off x="7442743" y="2397986"/>
            <a:ext cx="108136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altLang="LID4096" sz="900"/>
              <a:t>Telco Edge or enterprise site</a:t>
            </a:r>
            <a:endParaRPr lang="en-US" sz="900"/>
          </a:p>
        </p:txBody>
      </p:sp>
      <p:sp>
        <p:nvSpPr>
          <p:cNvPr id="40" name="Freeform 9">
            <a:extLst>
              <a:ext uri="{FF2B5EF4-FFF2-40B4-BE49-F238E27FC236}">
                <a16:creationId xmlns:a16="http://schemas.microsoft.com/office/drawing/2014/main" id="{0BD7D5A5-7A43-4D93-83D9-F0DD98E67B1E}"/>
              </a:ext>
            </a:extLst>
          </p:cNvPr>
          <p:cNvSpPr>
            <a:spLocks noChangeAspect="1"/>
          </p:cNvSpPr>
          <p:nvPr/>
        </p:nvSpPr>
        <p:spPr bwMode="auto">
          <a:xfrm>
            <a:off x="1793601" y="1633914"/>
            <a:ext cx="5697212" cy="1644993"/>
          </a:xfrm>
          <a:custGeom>
            <a:avLst/>
            <a:gdLst>
              <a:gd name="T0" fmla="*/ 2147483646 w 474"/>
              <a:gd name="T1" fmla="*/ 2147483646 h 295"/>
              <a:gd name="T2" fmla="*/ 2147483646 w 474"/>
              <a:gd name="T3" fmla="*/ 2147483646 h 295"/>
              <a:gd name="T4" fmla="*/ 2147483646 w 474"/>
              <a:gd name="T5" fmla="*/ 2147483646 h 295"/>
              <a:gd name="T6" fmla="*/ 2147483646 w 474"/>
              <a:gd name="T7" fmla="*/ 2147483646 h 295"/>
              <a:gd name="T8" fmla="*/ 2147483646 w 474"/>
              <a:gd name="T9" fmla="*/ 2147483646 h 295"/>
              <a:gd name="T10" fmla="*/ 2147483646 w 474"/>
              <a:gd name="T11" fmla="*/ 2147483646 h 295"/>
              <a:gd name="T12" fmla="*/ 2147483646 w 474"/>
              <a:gd name="T13" fmla="*/ 2147483646 h 295"/>
              <a:gd name="T14" fmla="*/ 2147483646 w 474"/>
              <a:gd name="T15" fmla="*/ 2147483646 h 295"/>
              <a:gd name="T16" fmla="*/ 2147483646 w 474"/>
              <a:gd name="T17" fmla="*/ 2147483646 h 295"/>
              <a:gd name="T18" fmla="*/ 2147483646 w 474"/>
              <a:gd name="T19" fmla="*/ 2147483646 h 295"/>
              <a:gd name="T20" fmla="*/ 2147483646 w 474"/>
              <a:gd name="T21" fmla="*/ 2147483646 h 295"/>
              <a:gd name="T22" fmla="*/ 2147483646 w 474"/>
              <a:gd name="T23" fmla="*/ 2147483646 h 295"/>
              <a:gd name="T24" fmla="*/ 2147483646 w 474"/>
              <a:gd name="T25" fmla="*/ 2147483646 h 295"/>
              <a:gd name="T26" fmla="*/ 2147483646 w 474"/>
              <a:gd name="T27" fmla="*/ 2147483646 h 295"/>
              <a:gd name="T28" fmla="*/ 2147483646 w 474"/>
              <a:gd name="T29" fmla="*/ 2147483646 h 295"/>
              <a:gd name="T30" fmla="*/ 2147483646 w 474"/>
              <a:gd name="T31" fmla="*/ 2147483646 h 295"/>
              <a:gd name="T32" fmla="*/ 2147483646 w 474"/>
              <a:gd name="T33" fmla="*/ 2147483646 h 295"/>
              <a:gd name="T34" fmla="*/ 2147483646 w 474"/>
              <a:gd name="T35" fmla="*/ 2147483646 h 295"/>
              <a:gd name="T36" fmla="*/ 2147483646 w 474"/>
              <a:gd name="T37" fmla="*/ 2147483646 h 295"/>
              <a:gd name="T38" fmla="*/ 2147483646 w 474"/>
              <a:gd name="T39" fmla="*/ 2147483646 h 295"/>
              <a:gd name="T40" fmla="*/ 2147483646 w 474"/>
              <a:gd name="T41" fmla="*/ 2147483646 h 295"/>
              <a:gd name="T42" fmla="*/ 2147483646 w 474"/>
              <a:gd name="T43" fmla="*/ 2147483646 h 295"/>
              <a:gd name="T44" fmla="*/ 2147483646 w 474"/>
              <a:gd name="T45" fmla="*/ 2147483646 h 295"/>
              <a:gd name="T46" fmla="*/ 2147483646 w 474"/>
              <a:gd name="T47" fmla="*/ 2147483646 h 295"/>
              <a:gd name="T48" fmla="*/ 2147483646 w 474"/>
              <a:gd name="T49" fmla="*/ 2147483646 h 295"/>
              <a:gd name="T50" fmla="*/ 2147483646 w 474"/>
              <a:gd name="T51" fmla="*/ 2147483646 h 295"/>
              <a:gd name="T52" fmla="*/ 2147483646 w 474"/>
              <a:gd name="T53" fmla="*/ 2147483646 h 295"/>
              <a:gd name="T54" fmla="*/ 2147483646 w 474"/>
              <a:gd name="T55" fmla="*/ 2147483646 h 295"/>
              <a:gd name="T56" fmla="*/ 2147483646 w 474"/>
              <a:gd name="T57" fmla="*/ 2147483646 h 295"/>
              <a:gd name="T58" fmla="*/ 2147483646 w 474"/>
              <a:gd name="T59" fmla="*/ 0 h 295"/>
              <a:gd name="T60" fmla="*/ 2147483646 w 474"/>
              <a:gd name="T61" fmla="*/ 2147483646 h 295"/>
              <a:gd name="T62" fmla="*/ 0 w 474"/>
              <a:gd name="T63" fmla="*/ 2147483646 h 295"/>
              <a:gd name="T64" fmla="*/ 2147483646 w 474"/>
              <a:gd name="T65" fmla="*/ 2147483646 h 295"/>
              <a:gd name="T66" fmla="*/ 2147483646 w 474"/>
              <a:gd name="T67" fmla="*/ 2147483646 h 295"/>
              <a:gd name="T68" fmla="*/ 2147483646 w 474"/>
              <a:gd name="T69" fmla="*/ 2147483646 h 295"/>
              <a:gd name="T70" fmla="*/ 2147483646 w 474"/>
              <a:gd name="T71" fmla="*/ 2147483646 h 295"/>
              <a:gd name="T72" fmla="*/ 2147483646 w 474"/>
              <a:gd name="T73" fmla="*/ 2147483646 h 295"/>
              <a:gd name="T74" fmla="*/ 2147483646 w 474"/>
              <a:gd name="T75" fmla="*/ 2147483646 h 295"/>
              <a:gd name="T76" fmla="*/ 2147483646 w 474"/>
              <a:gd name="T77" fmla="*/ 2147483646 h 295"/>
              <a:gd name="T78" fmla="*/ 2147483646 w 474"/>
              <a:gd name="T79" fmla="*/ 2147483646 h 295"/>
              <a:gd name="T80" fmla="*/ 2147483646 w 474"/>
              <a:gd name="T81" fmla="*/ 2147483646 h 295"/>
              <a:gd name="T82" fmla="*/ 2147483646 w 474"/>
              <a:gd name="T83" fmla="*/ 2147483646 h 295"/>
              <a:gd name="T84" fmla="*/ 2147483646 w 474"/>
              <a:gd name="T85" fmla="*/ 2147483646 h 295"/>
              <a:gd name="T86" fmla="*/ 0 60000 65536"/>
              <a:gd name="T87" fmla="*/ 0 60000 65536"/>
              <a:gd name="T88" fmla="*/ 0 60000 65536"/>
              <a:gd name="T89" fmla="*/ 0 60000 65536"/>
              <a:gd name="T90" fmla="*/ 0 60000 65536"/>
              <a:gd name="T91" fmla="*/ 0 60000 65536"/>
              <a:gd name="T92" fmla="*/ 0 60000 65536"/>
              <a:gd name="T93" fmla="*/ 0 60000 65536"/>
              <a:gd name="T94" fmla="*/ 0 60000 65536"/>
              <a:gd name="T95" fmla="*/ 0 60000 65536"/>
              <a:gd name="T96" fmla="*/ 0 60000 65536"/>
              <a:gd name="T97" fmla="*/ 0 60000 65536"/>
              <a:gd name="T98" fmla="*/ 0 60000 65536"/>
              <a:gd name="T99" fmla="*/ 0 60000 65536"/>
              <a:gd name="T100" fmla="*/ 0 60000 65536"/>
              <a:gd name="T101" fmla="*/ 0 60000 65536"/>
              <a:gd name="T102" fmla="*/ 0 60000 65536"/>
              <a:gd name="T103" fmla="*/ 0 60000 65536"/>
              <a:gd name="T104" fmla="*/ 0 60000 65536"/>
              <a:gd name="T105" fmla="*/ 0 60000 65536"/>
              <a:gd name="T106" fmla="*/ 0 60000 65536"/>
              <a:gd name="T107" fmla="*/ 0 60000 65536"/>
              <a:gd name="T108" fmla="*/ 0 60000 65536"/>
              <a:gd name="T109" fmla="*/ 0 60000 65536"/>
              <a:gd name="T110" fmla="*/ 0 60000 65536"/>
              <a:gd name="T111" fmla="*/ 0 60000 65536"/>
              <a:gd name="T112" fmla="*/ 0 60000 65536"/>
              <a:gd name="T113" fmla="*/ 0 60000 65536"/>
              <a:gd name="T114" fmla="*/ 0 60000 65536"/>
              <a:gd name="T115" fmla="*/ 0 60000 65536"/>
              <a:gd name="T116" fmla="*/ 0 60000 65536"/>
              <a:gd name="T117" fmla="*/ 0 60000 65536"/>
              <a:gd name="T118" fmla="*/ 0 60000 65536"/>
              <a:gd name="T119" fmla="*/ 0 60000 65536"/>
              <a:gd name="T120" fmla="*/ 0 60000 65536"/>
              <a:gd name="T121" fmla="*/ 0 60000 65536"/>
              <a:gd name="T122" fmla="*/ 0 60000 65536"/>
              <a:gd name="T123" fmla="*/ 0 60000 65536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</a:gdLst>
            <a:ahLst/>
            <a:cxnLst>
              <a:cxn ang="T86">
                <a:pos x="T0" y="T1"/>
              </a:cxn>
              <a:cxn ang="T87">
                <a:pos x="T2" y="T3"/>
              </a:cxn>
              <a:cxn ang="T88">
                <a:pos x="T4" y="T5"/>
              </a:cxn>
              <a:cxn ang="T89">
                <a:pos x="T6" y="T7"/>
              </a:cxn>
              <a:cxn ang="T90">
                <a:pos x="T8" y="T9"/>
              </a:cxn>
              <a:cxn ang="T91">
                <a:pos x="T10" y="T11"/>
              </a:cxn>
              <a:cxn ang="T92">
                <a:pos x="T12" y="T13"/>
              </a:cxn>
              <a:cxn ang="T93">
                <a:pos x="T14" y="T15"/>
              </a:cxn>
              <a:cxn ang="T94">
                <a:pos x="T16" y="T17"/>
              </a:cxn>
              <a:cxn ang="T95">
                <a:pos x="T18" y="T19"/>
              </a:cxn>
              <a:cxn ang="T96">
                <a:pos x="T20" y="T21"/>
              </a:cxn>
              <a:cxn ang="T97">
                <a:pos x="T22" y="T23"/>
              </a:cxn>
              <a:cxn ang="T98">
                <a:pos x="T24" y="T25"/>
              </a:cxn>
              <a:cxn ang="T99">
                <a:pos x="T26" y="T27"/>
              </a:cxn>
              <a:cxn ang="T100">
                <a:pos x="T28" y="T29"/>
              </a:cxn>
              <a:cxn ang="T101">
                <a:pos x="T30" y="T31"/>
              </a:cxn>
              <a:cxn ang="T102">
                <a:pos x="T32" y="T33"/>
              </a:cxn>
              <a:cxn ang="T103">
                <a:pos x="T34" y="T35"/>
              </a:cxn>
              <a:cxn ang="T104">
                <a:pos x="T36" y="T37"/>
              </a:cxn>
              <a:cxn ang="T105">
                <a:pos x="T38" y="T39"/>
              </a:cxn>
              <a:cxn ang="T106">
                <a:pos x="T40" y="T41"/>
              </a:cxn>
              <a:cxn ang="T107">
                <a:pos x="T42" y="T43"/>
              </a:cxn>
              <a:cxn ang="T108">
                <a:pos x="T44" y="T45"/>
              </a:cxn>
              <a:cxn ang="T109">
                <a:pos x="T46" y="T47"/>
              </a:cxn>
              <a:cxn ang="T110">
                <a:pos x="T48" y="T49"/>
              </a:cxn>
              <a:cxn ang="T111">
                <a:pos x="T50" y="T51"/>
              </a:cxn>
              <a:cxn ang="T112">
                <a:pos x="T52" y="T53"/>
              </a:cxn>
              <a:cxn ang="T113">
                <a:pos x="T54" y="T55"/>
              </a:cxn>
              <a:cxn ang="T114">
                <a:pos x="T56" y="T57"/>
              </a:cxn>
              <a:cxn ang="T115">
                <a:pos x="T58" y="T59"/>
              </a:cxn>
              <a:cxn ang="T116">
                <a:pos x="T60" y="T61"/>
              </a:cxn>
              <a:cxn ang="T117">
                <a:pos x="T62" y="T63"/>
              </a:cxn>
              <a:cxn ang="T118">
                <a:pos x="T64" y="T65"/>
              </a:cxn>
              <a:cxn ang="T119">
                <a:pos x="T66" y="T67"/>
              </a:cxn>
              <a:cxn ang="T120">
                <a:pos x="T68" y="T69"/>
              </a:cxn>
              <a:cxn ang="T121">
                <a:pos x="T70" y="T71"/>
              </a:cxn>
              <a:cxn ang="T122">
                <a:pos x="T72" y="T73"/>
              </a:cxn>
              <a:cxn ang="T123">
                <a:pos x="T74" y="T75"/>
              </a:cxn>
              <a:cxn ang="T124">
                <a:pos x="T76" y="T77"/>
              </a:cxn>
              <a:cxn ang="T125">
                <a:pos x="T78" y="T79"/>
              </a:cxn>
              <a:cxn ang="T126">
                <a:pos x="T80" y="T81"/>
              </a:cxn>
              <a:cxn ang="T127">
                <a:pos x="T82" y="T83"/>
              </a:cxn>
              <a:cxn ang="T128">
                <a:pos x="T84" y="T85"/>
              </a:cxn>
            </a:cxnLst>
            <a:rect l="0" t="0" r="r" b="b"/>
            <a:pathLst>
              <a:path w="474" h="295">
                <a:moveTo>
                  <a:pt x="454" y="182"/>
                </a:moveTo>
                <a:cubicBezTo>
                  <a:pt x="461" y="168"/>
                  <a:pt x="466" y="153"/>
                  <a:pt x="466" y="136"/>
                </a:cubicBezTo>
                <a:cubicBezTo>
                  <a:pt x="466" y="106"/>
                  <a:pt x="452" y="80"/>
                  <a:pt x="432" y="61"/>
                </a:cubicBezTo>
                <a:cubicBezTo>
                  <a:pt x="428" y="58"/>
                  <a:pt x="423" y="59"/>
                  <a:pt x="420" y="63"/>
                </a:cubicBezTo>
                <a:cubicBezTo>
                  <a:pt x="418" y="66"/>
                  <a:pt x="418" y="71"/>
                  <a:pt x="422" y="74"/>
                </a:cubicBezTo>
                <a:cubicBezTo>
                  <a:pt x="422" y="74"/>
                  <a:pt x="422" y="74"/>
                  <a:pt x="422" y="74"/>
                </a:cubicBezTo>
                <a:cubicBezTo>
                  <a:pt x="439" y="90"/>
                  <a:pt x="450" y="112"/>
                  <a:pt x="450" y="136"/>
                </a:cubicBezTo>
                <a:cubicBezTo>
                  <a:pt x="450" y="152"/>
                  <a:pt x="445" y="167"/>
                  <a:pt x="437" y="179"/>
                </a:cubicBezTo>
                <a:cubicBezTo>
                  <a:pt x="435" y="183"/>
                  <a:pt x="436" y="187"/>
                  <a:pt x="439" y="189"/>
                </a:cubicBezTo>
                <a:cubicBezTo>
                  <a:pt x="450" y="200"/>
                  <a:pt x="458" y="214"/>
                  <a:pt x="458" y="230"/>
                </a:cubicBezTo>
                <a:cubicBezTo>
                  <a:pt x="458" y="240"/>
                  <a:pt x="453" y="253"/>
                  <a:pt x="445" y="262"/>
                </a:cubicBezTo>
                <a:cubicBezTo>
                  <a:pt x="436" y="272"/>
                  <a:pt x="424" y="279"/>
                  <a:pt x="410" y="279"/>
                </a:cubicBezTo>
                <a:cubicBezTo>
                  <a:pt x="350" y="279"/>
                  <a:pt x="350" y="279"/>
                  <a:pt x="350" y="279"/>
                </a:cubicBezTo>
                <a:cubicBezTo>
                  <a:pt x="74" y="279"/>
                  <a:pt x="74" y="279"/>
                  <a:pt x="74" y="279"/>
                </a:cubicBezTo>
                <a:cubicBezTo>
                  <a:pt x="58" y="279"/>
                  <a:pt x="44" y="270"/>
                  <a:pt x="33" y="256"/>
                </a:cubicBezTo>
                <a:cubicBezTo>
                  <a:pt x="22" y="243"/>
                  <a:pt x="16" y="225"/>
                  <a:pt x="16" y="209"/>
                </a:cubicBezTo>
                <a:cubicBezTo>
                  <a:pt x="16" y="172"/>
                  <a:pt x="42" y="141"/>
                  <a:pt x="77" y="134"/>
                </a:cubicBezTo>
                <a:cubicBezTo>
                  <a:pt x="81" y="133"/>
                  <a:pt x="83" y="130"/>
                  <a:pt x="84" y="127"/>
                </a:cubicBezTo>
                <a:cubicBezTo>
                  <a:pt x="90" y="65"/>
                  <a:pt x="142" y="16"/>
                  <a:pt x="206" y="16"/>
                </a:cubicBezTo>
                <a:cubicBezTo>
                  <a:pt x="247" y="16"/>
                  <a:pt x="282" y="36"/>
                  <a:pt x="305" y="66"/>
                </a:cubicBezTo>
                <a:cubicBezTo>
                  <a:pt x="308" y="70"/>
                  <a:pt x="313" y="70"/>
                  <a:pt x="316" y="68"/>
                </a:cubicBezTo>
                <a:cubicBezTo>
                  <a:pt x="330" y="58"/>
                  <a:pt x="347" y="52"/>
                  <a:pt x="365" y="52"/>
                </a:cubicBezTo>
                <a:cubicBezTo>
                  <a:pt x="376" y="52"/>
                  <a:pt x="386" y="54"/>
                  <a:pt x="395" y="57"/>
                </a:cubicBezTo>
                <a:cubicBezTo>
                  <a:pt x="395" y="57"/>
                  <a:pt x="396" y="58"/>
                  <a:pt x="396" y="58"/>
                </a:cubicBezTo>
                <a:cubicBezTo>
                  <a:pt x="400" y="59"/>
                  <a:pt x="405" y="58"/>
                  <a:pt x="406" y="54"/>
                </a:cubicBezTo>
                <a:cubicBezTo>
                  <a:pt x="407" y="52"/>
                  <a:pt x="407" y="51"/>
                  <a:pt x="407" y="49"/>
                </a:cubicBezTo>
                <a:cubicBezTo>
                  <a:pt x="407" y="47"/>
                  <a:pt x="405" y="44"/>
                  <a:pt x="403" y="43"/>
                </a:cubicBezTo>
                <a:cubicBezTo>
                  <a:pt x="391" y="38"/>
                  <a:pt x="378" y="36"/>
                  <a:pt x="365" y="36"/>
                </a:cubicBezTo>
                <a:cubicBezTo>
                  <a:pt x="346" y="36"/>
                  <a:pt x="328" y="41"/>
                  <a:pt x="313" y="51"/>
                </a:cubicBezTo>
                <a:cubicBezTo>
                  <a:pt x="288" y="20"/>
                  <a:pt x="249" y="0"/>
                  <a:pt x="206" y="0"/>
                </a:cubicBezTo>
                <a:cubicBezTo>
                  <a:pt x="136" y="0"/>
                  <a:pt x="78" y="52"/>
                  <a:pt x="68" y="120"/>
                </a:cubicBezTo>
                <a:cubicBezTo>
                  <a:pt x="29" y="130"/>
                  <a:pt x="0" y="166"/>
                  <a:pt x="0" y="209"/>
                </a:cubicBezTo>
                <a:cubicBezTo>
                  <a:pt x="0" y="229"/>
                  <a:pt x="7" y="250"/>
                  <a:pt x="20" y="266"/>
                </a:cubicBezTo>
                <a:cubicBezTo>
                  <a:pt x="33" y="283"/>
                  <a:pt x="52" y="295"/>
                  <a:pt x="74" y="295"/>
                </a:cubicBezTo>
                <a:cubicBezTo>
                  <a:pt x="350" y="295"/>
                  <a:pt x="350" y="295"/>
                  <a:pt x="350" y="295"/>
                </a:cubicBezTo>
                <a:cubicBezTo>
                  <a:pt x="350" y="295"/>
                  <a:pt x="351" y="295"/>
                  <a:pt x="351" y="295"/>
                </a:cubicBezTo>
                <a:cubicBezTo>
                  <a:pt x="382" y="295"/>
                  <a:pt x="382" y="295"/>
                  <a:pt x="382" y="295"/>
                </a:cubicBezTo>
                <a:cubicBezTo>
                  <a:pt x="382" y="295"/>
                  <a:pt x="382" y="295"/>
                  <a:pt x="382" y="295"/>
                </a:cubicBezTo>
                <a:cubicBezTo>
                  <a:pt x="382" y="295"/>
                  <a:pt x="382" y="295"/>
                  <a:pt x="382" y="295"/>
                </a:cubicBezTo>
                <a:cubicBezTo>
                  <a:pt x="410" y="295"/>
                  <a:pt x="410" y="295"/>
                  <a:pt x="410" y="295"/>
                </a:cubicBezTo>
                <a:cubicBezTo>
                  <a:pt x="430" y="295"/>
                  <a:pt x="446" y="286"/>
                  <a:pt x="457" y="273"/>
                </a:cubicBezTo>
                <a:cubicBezTo>
                  <a:pt x="468" y="260"/>
                  <a:pt x="474" y="244"/>
                  <a:pt x="474" y="230"/>
                </a:cubicBezTo>
                <a:cubicBezTo>
                  <a:pt x="474" y="211"/>
                  <a:pt x="466" y="194"/>
                  <a:pt x="454" y="182"/>
                </a:cubicBezTo>
                <a:close/>
              </a:path>
            </a:pathLst>
          </a:custGeom>
          <a:solidFill>
            <a:schemeClr val="bg2">
              <a:lumMod val="75000"/>
            </a:schemeClr>
          </a:solidFill>
          <a:ln>
            <a:noFill/>
          </a:ln>
        </p:spPr>
        <p:txBody>
          <a:bodyPr lIns="91440" tIns="45720" rIns="91440" bIns="45720" anchor="ctr"/>
          <a:lstStyle/>
          <a:p>
            <a:pPr algn="ctr"/>
            <a:r>
              <a:rPr lang="en-US" sz="1800" b="1">
                <a:solidFill>
                  <a:schemeClr val="tx1">
                    <a:lumMod val="50000"/>
                    <a:lumOff val="50000"/>
                  </a:schemeClr>
                </a:solidFill>
              </a:rPr>
              <a:t>EVPN</a:t>
            </a:r>
          </a:p>
          <a:p>
            <a:pPr algn="ctr"/>
            <a:r>
              <a:rPr lang="en-US" sz="1800" b="1">
                <a:solidFill>
                  <a:schemeClr val="tx1">
                    <a:lumMod val="50000"/>
                    <a:lumOff val="50000"/>
                  </a:schemeClr>
                </a:solidFill>
              </a:rPr>
              <a:t>L3/L2 VPN overlay</a:t>
            </a:r>
          </a:p>
        </p:txBody>
      </p: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EBFCAA58-2188-4E79-B84C-1A48E577391C}"/>
              </a:ext>
            </a:extLst>
          </p:cNvPr>
          <p:cNvCxnSpPr>
            <a:cxnSpLocks/>
          </p:cNvCxnSpPr>
          <p:nvPr/>
        </p:nvCxnSpPr>
        <p:spPr bwMode="auto">
          <a:xfrm>
            <a:off x="6910388" y="2919074"/>
            <a:ext cx="532355" cy="4689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pic>
        <p:nvPicPr>
          <p:cNvPr id="53" name="Picture 52">
            <a:extLst>
              <a:ext uri="{FF2B5EF4-FFF2-40B4-BE49-F238E27FC236}">
                <a16:creationId xmlns:a16="http://schemas.microsoft.com/office/drawing/2014/main" id="{A93E3D73-837C-4AA4-A099-AD932788054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42743" y="2752266"/>
            <a:ext cx="950229" cy="270715"/>
          </a:xfrm>
          <a:prstGeom prst="rect">
            <a:avLst/>
          </a:prstGeom>
        </p:spPr>
      </p:pic>
      <p:pic>
        <p:nvPicPr>
          <p:cNvPr id="86" name="Picture 46" descr="SmartEdge_Router.wmf">
            <a:extLst>
              <a:ext uri="{FF2B5EF4-FFF2-40B4-BE49-F238E27FC236}">
                <a16:creationId xmlns:a16="http://schemas.microsoft.com/office/drawing/2014/main" id="{C0CBB3AD-4993-4386-B40C-19896D466D9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96564" y="2397718"/>
            <a:ext cx="194072" cy="271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7" name="Text Box 375">
            <a:extLst>
              <a:ext uri="{FF2B5EF4-FFF2-40B4-BE49-F238E27FC236}">
                <a16:creationId xmlns:a16="http://schemas.microsoft.com/office/drawing/2014/main" id="{FF4DA873-6E17-4801-9A57-BE44F37A8D8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665694" y="2527639"/>
            <a:ext cx="300082" cy="19620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tx2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chemeClr val="tx2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eaLnBrk="0" hangingPunct="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/>
            <a:r>
              <a:rPr lang="en-US" altLang="LID4096" sz="675"/>
              <a:t>PE</a:t>
            </a:r>
          </a:p>
        </p:txBody>
      </p:sp>
      <p:grpSp>
        <p:nvGrpSpPr>
          <p:cNvPr id="88" name="Group 87">
            <a:extLst>
              <a:ext uri="{FF2B5EF4-FFF2-40B4-BE49-F238E27FC236}">
                <a16:creationId xmlns:a16="http://schemas.microsoft.com/office/drawing/2014/main" id="{18EFEF44-4738-46B8-853B-9501179940F3}"/>
              </a:ext>
            </a:extLst>
          </p:cNvPr>
          <p:cNvGrpSpPr/>
          <p:nvPr/>
        </p:nvGrpSpPr>
        <p:grpSpPr>
          <a:xfrm>
            <a:off x="1666840" y="2814063"/>
            <a:ext cx="300082" cy="322159"/>
            <a:chOff x="4003727" y="2157413"/>
            <a:chExt cx="400108" cy="429544"/>
          </a:xfrm>
        </p:grpSpPr>
        <p:pic>
          <p:nvPicPr>
            <p:cNvPr id="89" name="Picture 46" descr="SmartEdge_Router.wmf">
              <a:extLst>
                <a:ext uri="{FF2B5EF4-FFF2-40B4-BE49-F238E27FC236}">
                  <a16:creationId xmlns:a16="http://schemas.microsoft.com/office/drawing/2014/main" id="{D7B9D621-DCFF-427A-93B9-0C6BA5BCBEE9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43363" y="2157413"/>
              <a:ext cx="258762" cy="3619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0" name="Text Box 375">
              <a:extLst>
                <a:ext uri="{FF2B5EF4-FFF2-40B4-BE49-F238E27FC236}">
                  <a16:creationId xmlns:a16="http://schemas.microsoft.com/office/drawing/2014/main" id="{C97C55E0-E938-4DD8-996E-F3FC6DD7A95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4003727" y="2325347"/>
              <a:ext cx="400108" cy="26161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chemeClr val="tx2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algn="ctr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r>
                <a:rPr lang="en-US" altLang="LID4096" sz="675"/>
                <a:t>PE</a:t>
              </a:r>
            </a:p>
          </p:txBody>
        </p:sp>
      </p:grp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14F15D0F-0A01-4C27-8005-02937C778A29}"/>
              </a:ext>
            </a:extLst>
          </p:cNvPr>
          <p:cNvCxnSpPr>
            <a:cxnSpLocks/>
            <a:stCxn id="89" idx="0"/>
            <a:endCxn id="86" idx="2"/>
          </p:cNvCxnSpPr>
          <p:nvPr/>
        </p:nvCxnSpPr>
        <p:spPr bwMode="auto">
          <a:xfrm flipV="1">
            <a:off x="1793600" y="2669181"/>
            <a:ext cx="0" cy="144881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grpSp>
        <p:nvGrpSpPr>
          <p:cNvPr id="58" name="Group 57">
            <a:extLst>
              <a:ext uri="{FF2B5EF4-FFF2-40B4-BE49-F238E27FC236}">
                <a16:creationId xmlns:a16="http://schemas.microsoft.com/office/drawing/2014/main" id="{822404E0-6226-4C67-96F8-00C21AB9615D}"/>
              </a:ext>
            </a:extLst>
          </p:cNvPr>
          <p:cNvGrpSpPr/>
          <p:nvPr/>
        </p:nvGrpSpPr>
        <p:grpSpPr>
          <a:xfrm>
            <a:off x="1331561" y="2354612"/>
            <a:ext cx="397613" cy="716790"/>
            <a:chOff x="1775415" y="3139483"/>
            <a:chExt cx="530150" cy="955720"/>
          </a:xfrm>
        </p:grpSpPr>
        <p:sp>
          <p:nvSpPr>
            <p:cNvPr id="59" name="Trapezoid 58">
              <a:extLst>
                <a:ext uri="{FF2B5EF4-FFF2-40B4-BE49-F238E27FC236}">
                  <a16:creationId xmlns:a16="http://schemas.microsoft.com/office/drawing/2014/main" id="{A4968D37-E297-4941-80DB-F2D6D0B3A496}"/>
                </a:ext>
              </a:extLst>
            </p:cNvPr>
            <p:cNvSpPr/>
            <p:nvPr/>
          </p:nvSpPr>
          <p:spPr bwMode="auto">
            <a:xfrm rot="5400000">
              <a:off x="1529087" y="3417960"/>
              <a:ext cx="955720" cy="398766"/>
            </a:xfrm>
            <a:prstGeom prst="trapezoid">
              <a:avLst/>
            </a:prstGeom>
            <a:noFill/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35000" indent="-135000">
                <a:spcBef>
                  <a:spcPts val="600"/>
                </a:spcBef>
                <a:buFont typeface="Ericsson Hilda" panose="00000500000000000000" pitchFamily="2" charset="0"/>
                <a:buChar char="●"/>
              </a:pPr>
              <a:endParaRPr lang="en-US" sz="1050" err="1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60" name="TextBox 59">
              <a:extLst>
                <a:ext uri="{FF2B5EF4-FFF2-40B4-BE49-F238E27FC236}">
                  <a16:creationId xmlns:a16="http://schemas.microsoft.com/office/drawing/2014/main" id="{6ABB91FA-E2D5-49DD-937F-C8246E9C6D4E}"/>
                </a:ext>
              </a:extLst>
            </p:cNvPr>
            <p:cNvSpPr txBox="1"/>
            <p:nvPr/>
          </p:nvSpPr>
          <p:spPr>
            <a:xfrm>
              <a:off x="1775415" y="3501927"/>
              <a:ext cx="530150" cy="261611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altLang="LID4096" sz="675"/>
                <a:t>fabric</a:t>
              </a:r>
              <a:endParaRPr lang="en-US" sz="675"/>
            </a:p>
          </p:txBody>
        </p:sp>
      </p:grpSp>
      <p:sp>
        <p:nvSpPr>
          <p:cNvPr id="61" name="TextBox 60">
            <a:extLst>
              <a:ext uri="{FF2B5EF4-FFF2-40B4-BE49-F238E27FC236}">
                <a16:creationId xmlns:a16="http://schemas.microsoft.com/office/drawing/2014/main" id="{125445C8-BB5D-4101-A713-2729EB5DEBC8}"/>
              </a:ext>
            </a:extLst>
          </p:cNvPr>
          <p:cNvSpPr txBox="1"/>
          <p:nvPr/>
        </p:nvSpPr>
        <p:spPr>
          <a:xfrm>
            <a:off x="903588" y="4284541"/>
            <a:ext cx="7488948" cy="4154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50"/>
              <a:t>EVPN: Service Provider VPN technology standardized by the IETF ”BGP Enabled Services” working group (</a:t>
            </a:r>
            <a:r>
              <a:rPr lang="en-US" sz="1050">
                <a:ea typeface="+mn-lt"/>
                <a:cs typeface="+mn-lt"/>
                <a:hlinkClick r:id="rId6"/>
              </a:rPr>
              <a:t>https://tools.ietf.org/wg/bess/</a:t>
            </a:r>
            <a:r>
              <a:rPr lang="en-US" sz="1050">
                <a:ea typeface="+mn-lt"/>
                <a:cs typeface="+mn-lt"/>
              </a:rPr>
              <a:t>)</a:t>
            </a:r>
            <a:endParaRPr lang="en-US" sz="105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A440E702-4B1B-4D11-8275-E18A5BBC388D}"/>
              </a:ext>
            </a:extLst>
          </p:cNvPr>
          <p:cNvSpPr txBox="1"/>
          <p:nvPr/>
        </p:nvSpPr>
        <p:spPr>
          <a:xfrm>
            <a:off x="7344847" y="3014624"/>
            <a:ext cx="1459454" cy="369332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900"/>
              <a:t>Server with EVPN GW functionality on the </a:t>
            </a:r>
            <a:r>
              <a:rPr lang="en-US" sz="900" err="1"/>
              <a:t>xPU</a:t>
            </a:r>
          </a:p>
        </p:txBody>
      </p:sp>
    </p:spTree>
    <p:extLst>
      <p:ext uri="{BB962C8B-B14F-4D97-AF65-F5344CB8AC3E}">
        <p14:creationId xmlns:p14="http://schemas.microsoft.com/office/powerpoint/2010/main" val="151613901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E42817-A28D-4A27-A3CF-10DC610DEF3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63366" y="1934056"/>
            <a:ext cx="6265069" cy="1210412"/>
          </a:xfrm>
        </p:spPr>
        <p:txBody>
          <a:bodyPr anchor="b">
            <a:normAutofit fontScale="90000"/>
          </a:bodyPr>
          <a:lstStyle/>
          <a:p>
            <a:r>
              <a:rPr lang="en-IE" sz="3600"/>
              <a:t>K8s Tenant Networking </a:t>
            </a:r>
            <a:br>
              <a:rPr lang="en-IE" sz="3600"/>
            </a:br>
            <a:r>
              <a:rPr lang="en-IE" sz="3600"/>
              <a:t>&amp; EVPN GW Design</a:t>
            </a:r>
            <a:endParaRPr lang="en-US" sz="3600"/>
          </a:p>
        </p:txBody>
      </p:sp>
    </p:spTree>
    <p:extLst>
      <p:ext uri="{BB962C8B-B14F-4D97-AF65-F5344CB8AC3E}">
        <p14:creationId xmlns:p14="http://schemas.microsoft.com/office/powerpoint/2010/main" val="338581136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B5E180-29AD-BCE2-7806-29D2EC6E15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6606" y="273844"/>
            <a:ext cx="8458200" cy="615523"/>
          </a:xfrm>
        </p:spPr>
        <p:txBody>
          <a:bodyPr/>
          <a:lstStyle/>
          <a:p>
            <a:r>
              <a:rPr lang="en-IE" b="0"/>
              <a:t>EVPN Network Provisioning API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0824867-80C9-E956-D690-5B5C178B581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329490" y="1217396"/>
            <a:ext cx="3603494" cy="4060312"/>
          </a:xfrm>
        </p:spPr>
        <p:txBody>
          <a:bodyPr/>
          <a:lstStyle/>
          <a:p>
            <a:r>
              <a:rPr lang="en-US"/>
              <a:t>Lean API for EVPN orchestration</a:t>
            </a:r>
          </a:p>
          <a:p>
            <a:pPr lvl="1"/>
            <a:r>
              <a:rPr lang="en-US"/>
              <a:t>Focus on essential entities and attributes for common use cases</a:t>
            </a:r>
          </a:p>
          <a:p>
            <a:pPr lvl="1"/>
            <a:endParaRPr lang="en-US"/>
          </a:p>
          <a:p>
            <a:r>
              <a:rPr lang="en-US" i="1" err="1"/>
              <a:t>LogicalBridge</a:t>
            </a:r>
            <a:r>
              <a:rPr lang="en-US" i="1"/>
              <a:t>: </a:t>
            </a:r>
          </a:p>
          <a:p>
            <a:pPr lvl="1"/>
            <a:r>
              <a:rPr lang="en-US"/>
              <a:t>Local L2 broadcast domain</a:t>
            </a:r>
          </a:p>
          <a:p>
            <a:pPr lvl="1"/>
            <a:r>
              <a:rPr lang="en-US"/>
              <a:t>Optionally part of an L2-EVPN identified by L2 VNI</a:t>
            </a:r>
          </a:p>
          <a:p>
            <a:r>
              <a:rPr lang="en-US" i="1"/>
              <a:t>BridgePort:</a:t>
            </a:r>
          </a:p>
          <a:p>
            <a:pPr lvl="1"/>
            <a:r>
              <a:rPr lang="en-US"/>
              <a:t>Attaches a VF to one or more </a:t>
            </a:r>
            <a:r>
              <a:rPr lang="en-US" err="1"/>
              <a:t>LogicalBridges</a:t>
            </a:r>
            <a:endParaRPr lang="en-US"/>
          </a:p>
          <a:p>
            <a:pPr lvl="1"/>
            <a:r>
              <a:rPr lang="en-US"/>
              <a:t>Access or VLAN trunk port</a:t>
            </a:r>
          </a:p>
          <a:p>
            <a:r>
              <a:rPr lang="en-US" i="1"/>
              <a:t>VRF:</a:t>
            </a:r>
          </a:p>
          <a:p>
            <a:pPr lvl="1"/>
            <a:r>
              <a:rPr lang="en-US"/>
              <a:t>Local routing instance of an L3-EVPN identified by L3 VNI</a:t>
            </a:r>
          </a:p>
          <a:p>
            <a:r>
              <a:rPr lang="en-US" i="1"/>
              <a:t>SVI (</a:t>
            </a:r>
            <a:r>
              <a:rPr lang="en-US"/>
              <a:t>Switched Virtual Interface)</a:t>
            </a:r>
            <a:r>
              <a:rPr lang="en-US" i="1"/>
              <a:t>:</a:t>
            </a:r>
          </a:p>
          <a:p>
            <a:pPr lvl="1"/>
            <a:r>
              <a:rPr lang="en-US"/>
              <a:t>Connects a </a:t>
            </a:r>
            <a:r>
              <a:rPr lang="en-US" i="1" err="1"/>
              <a:t>LogicalBridge</a:t>
            </a:r>
            <a:r>
              <a:rPr lang="en-US"/>
              <a:t> to a </a:t>
            </a:r>
            <a:r>
              <a:rPr lang="en-US" i="1"/>
              <a:t>VRF</a:t>
            </a:r>
            <a:r>
              <a:rPr lang="en-US"/>
              <a:t> for L3 VPN connectivity</a:t>
            </a:r>
            <a:br>
              <a:rPr lang="en-US"/>
            </a:br>
            <a:endParaRPr lang="en-US"/>
          </a:p>
        </p:txBody>
      </p:sp>
      <p:pic>
        <p:nvPicPr>
          <p:cNvPr id="6" name="Picture 6">
            <a:extLst>
              <a:ext uri="{FF2B5EF4-FFF2-40B4-BE49-F238E27FC236}">
                <a16:creationId xmlns:a16="http://schemas.microsoft.com/office/drawing/2014/main" id="{D67DAADD-E6C5-340C-4583-D4664ACA327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7318" y="1521184"/>
            <a:ext cx="4602917" cy="3098914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C92AE774-3B29-EFAE-D370-08719A3730E3}"/>
              </a:ext>
            </a:extLst>
          </p:cNvPr>
          <p:cNvSpPr/>
          <p:nvPr/>
        </p:nvSpPr>
        <p:spPr>
          <a:xfrm>
            <a:off x="200194" y="3717117"/>
            <a:ext cx="3603494" cy="1242042"/>
          </a:xfrm>
          <a:prstGeom prst="rect">
            <a:avLst/>
          </a:prstGeom>
          <a:noFill/>
          <a:ln w="9525"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b"/>
          <a:lstStyle/>
          <a:p>
            <a:pPr algn="ctr"/>
            <a:r>
              <a:rPr lang="en-US" sz="900">
                <a:solidFill>
                  <a:schemeClr val="bg2"/>
                </a:solidFill>
              </a:rPr>
              <a:t>automatically managed by </a:t>
            </a:r>
            <a:r>
              <a:rPr lang="en-US" sz="900" err="1">
                <a:solidFill>
                  <a:schemeClr val="bg2"/>
                </a:solidFill>
              </a:rPr>
              <a:t>xPU</a:t>
            </a:r>
            <a:r>
              <a:rPr lang="en-US" sz="900">
                <a:solidFill>
                  <a:schemeClr val="bg2"/>
                </a:solidFill>
              </a:rPr>
              <a:t> Infra Manager and FRR</a:t>
            </a:r>
          </a:p>
        </p:txBody>
      </p:sp>
    </p:spTree>
    <p:extLst>
      <p:ext uri="{BB962C8B-B14F-4D97-AF65-F5344CB8AC3E}">
        <p14:creationId xmlns:p14="http://schemas.microsoft.com/office/powerpoint/2010/main" val="8767916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22">
            <a:extLst>
              <a:ext uri="{FF2B5EF4-FFF2-40B4-BE49-F238E27FC236}">
                <a16:creationId xmlns:a16="http://schemas.microsoft.com/office/drawing/2014/main" id="{FB7F5A43-8D08-4EE8-9111-6966D6039059}"/>
              </a:ext>
            </a:extLst>
          </p:cNvPr>
          <p:cNvSpPr/>
          <p:nvPr/>
        </p:nvSpPr>
        <p:spPr>
          <a:xfrm>
            <a:off x="315391" y="716645"/>
            <a:ext cx="7393849" cy="1450004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 defTabSz="685800">
              <a:buClrTx/>
              <a:defRPr/>
            </a:pPr>
            <a:r>
              <a:rPr lang="en-US" sz="1050" kern="1200">
                <a:solidFill>
                  <a:schemeClr val="tx1"/>
                </a:solidFill>
                <a:latin typeface="Calibri" panose="020F0502020204030204"/>
              </a:rPr>
              <a:t>Host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47BABA3F-40E2-E1F3-9553-F09EAC7774CF}"/>
              </a:ext>
            </a:extLst>
          </p:cNvPr>
          <p:cNvSpPr/>
          <p:nvPr/>
        </p:nvSpPr>
        <p:spPr bwMode="auto">
          <a:xfrm>
            <a:off x="4434534" y="794046"/>
            <a:ext cx="2410667" cy="512714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1050"/>
              <a:t>K8s pod</a:t>
            </a:r>
            <a:endParaRPr lang="en-US" sz="1050">
              <a:latin typeface="+mn-lt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06599F55-ACE7-45C0-9F84-A307E98E611F}"/>
              </a:ext>
            </a:extLst>
          </p:cNvPr>
          <p:cNvSpPr/>
          <p:nvPr/>
        </p:nvSpPr>
        <p:spPr>
          <a:xfrm>
            <a:off x="315391" y="2398209"/>
            <a:ext cx="7393849" cy="246851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b"/>
          <a:lstStyle/>
          <a:p>
            <a:pPr algn="r" defTabSz="685800">
              <a:buClrTx/>
              <a:defRPr/>
            </a:pPr>
            <a:r>
              <a:rPr lang="en-US" sz="1050" kern="1200" err="1">
                <a:solidFill>
                  <a:schemeClr val="tx1"/>
                </a:solidFill>
                <a:latin typeface="Calibri" panose="020F0502020204030204"/>
              </a:rPr>
              <a:t>xPU</a:t>
            </a:r>
            <a:endParaRPr lang="en-US" sz="1050" kern="1200">
              <a:solidFill>
                <a:schemeClr val="tx1"/>
              </a:solidFill>
              <a:latin typeface="Calibri" panose="020F0502020204030204"/>
              <a:ea typeface="Calibri"/>
              <a:cs typeface="Calibri"/>
            </a:endParaRPr>
          </a:p>
        </p:txBody>
      </p:sp>
      <p:sp>
        <p:nvSpPr>
          <p:cNvPr id="116" name="Rectangle 115">
            <a:extLst>
              <a:ext uri="{FF2B5EF4-FFF2-40B4-BE49-F238E27FC236}">
                <a16:creationId xmlns:a16="http://schemas.microsoft.com/office/drawing/2014/main" id="{CAA54709-24FB-47AD-AA65-E2455AA9E72F}"/>
              </a:ext>
            </a:extLst>
          </p:cNvPr>
          <p:cNvSpPr/>
          <p:nvPr/>
        </p:nvSpPr>
        <p:spPr bwMode="auto">
          <a:xfrm>
            <a:off x="374453" y="2495006"/>
            <a:ext cx="3630199" cy="2243249"/>
          </a:xfrm>
          <a:prstGeom prst="rect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spcBef>
                <a:spcPts val="600"/>
              </a:spcBef>
            </a:pPr>
            <a:r>
              <a:rPr lang="en-US" sz="900">
                <a:solidFill>
                  <a:schemeClr val="tx1"/>
                </a:solidFill>
                <a:latin typeface="+mn-lt"/>
              </a:rPr>
              <a:t>ARM Cores</a:t>
            </a:r>
            <a:endParaRPr lang="en-US" sz="1200">
              <a:solidFill>
                <a:schemeClr val="tx1"/>
              </a:solidFill>
              <a:latin typeface="+mn-lt"/>
            </a:endParaRP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12987EBC-ADC0-43F6-B0A0-A515C49A937C}"/>
              </a:ext>
            </a:extLst>
          </p:cNvPr>
          <p:cNvSpPr/>
          <p:nvPr/>
        </p:nvSpPr>
        <p:spPr bwMode="auto">
          <a:xfrm>
            <a:off x="4301088" y="2495005"/>
            <a:ext cx="2724420" cy="224324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r">
              <a:spcBef>
                <a:spcPts val="600"/>
              </a:spcBef>
            </a:pPr>
            <a:endParaRPr lang="en-US" sz="800">
              <a:solidFill>
                <a:schemeClr val="tx1"/>
              </a:solidFill>
            </a:endParaRPr>
          </a:p>
          <a:p>
            <a:pPr algn="r">
              <a:spcBef>
                <a:spcPts val="600"/>
              </a:spcBef>
            </a:pPr>
            <a:endParaRPr lang="en-US" sz="900">
              <a:solidFill>
                <a:schemeClr val="tx1"/>
              </a:solidFill>
              <a:latin typeface="+mn-lt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5AE7185-A40C-4148-860D-A06408444F3C}"/>
              </a:ext>
            </a:extLst>
          </p:cNvPr>
          <p:cNvSpPr/>
          <p:nvPr/>
        </p:nvSpPr>
        <p:spPr>
          <a:xfrm>
            <a:off x="4670773" y="3266095"/>
            <a:ext cx="1907175" cy="209426"/>
          </a:xfrm>
          <a:prstGeom prst="rect">
            <a:avLst/>
          </a:prstGeom>
          <a:solidFill>
            <a:srgbClr val="00B0F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VRF routing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05302C4-F26F-4112-9944-4A6E31D73BED}"/>
              </a:ext>
            </a:extLst>
          </p:cNvPr>
          <p:cNvSpPr/>
          <p:nvPr/>
        </p:nvSpPr>
        <p:spPr>
          <a:xfrm>
            <a:off x="4670772" y="3545348"/>
            <a:ext cx="1907177" cy="213585"/>
          </a:xfrm>
          <a:prstGeom prst="rect">
            <a:avLst/>
          </a:prstGeom>
          <a:solidFill>
            <a:srgbClr val="00B0F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VXLAN encap/decap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36A183F8-9B3E-4199-89FB-1CD25825D2BB}"/>
              </a:ext>
            </a:extLst>
          </p:cNvPr>
          <p:cNvSpPr/>
          <p:nvPr/>
        </p:nvSpPr>
        <p:spPr>
          <a:xfrm>
            <a:off x="4667537" y="2834070"/>
            <a:ext cx="1910411" cy="268583"/>
          </a:xfrm>
          <a:prstGeom prst="rect">
            <a:avLst/>
          </a:prstGeom>
          <a:solidFill>
            <a:srgbClr val="00B0F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VLAN-aware L2 Bridge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051A87C-B608-4C1F-9E4F-04F01EBAC8F0}"/>
              </a:ext>
            </a:extLst>
          </p:cNvPr>
          <p:cNvSpPr/>
          <p:nvPr/>
        </p:nvSpPr>
        <p:spPr>
          <a:xfrm>
            <a:off x="2064218" y="860019"/>
            <a:ext cx="1663613" cy="213585"/>
          </a:xfrm>
          <a:prstGeom prst="rect">
            <a:avLst/>
          </a:prstGeom>
          <a:solidFill>
            <a:srgbClr val="92D05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K8s Control Plane 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1667B6E9-B7D8-4DAC-AEC8-8391AA9AA112}"/>
              </a:ext>
            </a:extLst>
          </p:cNvPr>
          <p:cNvSpPr/>
          <p:nvPr/>
        </p:nvSpPr>
        <p:spPr>
          <a:xfrm>
            <a:off x="1269092" y="3753111"/>
            <a:ext cx="598898" cy="474416"/>
          </a:xfrm>
          <a:prstGeom prst="rect">
            <a:avLst/>
          </a:prstGeom>
          <a:solidFill>
            <a:srgbClr val="92D05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  <a:defRPr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EVPN Gateway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</a:rPr>
            </a:br>
            <a:r>
              <a:rPr lang="en-US" sz="788">
                <a:solidFill>
                  <a:prstClr val="black"/>
                </a:solidFill>
                <a:latin typeface="Calibri" panose="020F0502020204030204"/>
              </a:rPr>
              <a:t>CP (FRR)</a:t>
            </a:r>
            <a:endParaRPr lang="en-US" sz="788" kern="12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1A424CE3-B43E-4441-A238-CB3850C9D302}"/>
              </a:ext>
            </a:extLst>
          </p:cNvPr>
          <p:cNvSpPr/>
          <p:nvPr/>
        </p:nvSpPr>
        <p:spPr>
          <a:xfrm>
            <a:off x="2064218" y="1190385"/>
            <a:ext cx="1113545" cy="213585"/>
          </a:xfrm>
          <a:prstGeom prst="rect">
            <a:avLst/>
          </a:prstGeom>
          <a:solidFill>
            <a:srgbClr val="92D05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Kubelet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F665670-E2A0-4605-9504-3FE343B4D9A0}"/>
              </a:ext>
            </a:extLst>
          </p:cNvPr>
          <p:cNvSpPr/>
          <p:nvPr/>
        </p:nvSpPr>
        <p:spPr>
          <a:xfrm>
            <a:off x="2066844" y="1585840"/>
            <a:ext cx="509808" cy="334835"/>
          </a:xfrm>
          <a:prstGeom prst="rect">
            <a:avLst/>
          </a:prstGeom>
          <a:solidFill>
            <a:srgbClr val="FFC00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tIns="45720" rIns="34290" bIns="45720" rtlCol="0" anchor="ctr">
            <a:noAutofit/>
          </a:bodyPr>
          <a:lstStyle/>
          <a:p>
            <a:pPr algn="ctr" defTabSz="685800">
              <a:buClrTx/>
            </a:pPr>
            <a:r>
              <a:rPr lang="en-US" sz="750" kern="1200">
                <a:solidFill>
                  <a:schemeClr val="tx1"/>
                </a:solidFill>
                <a:latin typeface="Calibri" panose="020F0502020204030204"/>
              </a:rPr>
              <a:t>EVPN GW CNI</a:t>
            </a:r>
          </a:p>
        </p:txBody>
      </p: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3E4BC078-9E95-4E41-8C5D-6468D0543A08}"/>
              </a:ext>
            </a:extLst>
          </p:cNvPr>
          <p:cNvCxnSpPr>
            <a:cxnSpLocks/>
            <a:stCxn id="4" idx="2"/>
          </p:cNvCxnSpPr>
          <p:nvPr/>
        </p:nvCxnSpPr>
        <p:spPr>
          <a:xfrm>
            <a:off x="5534679" y="1536871"/>
            <a:ext cx="0" cy="1297199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DAFEC3FE-1865-480E-A59D-8D126480834B}"/>
              </a:ext>
            </a:extLst>
          </p:cNvPr>
          <p:cNvCxnSpPr>
            <a:cxnSpLocks/>
            <a:stCxn id="5" idx="2"/>
          </p:cNvCxnSpPr>
          <p:nvPr/>
        </p:nvCxnSpPr>
        <p:spPr>
          <a:xfrm>
            <a:off x="6179213" y="1543356"/>
            <a:ext cx="0" cy="1290714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Rectangle 38">
            <a:extLst>
              <a:ext uri="{FF2B5EF4-FFF2-40B4-BE49-F238E27FC236}">
                <a16:creationId xmlns:a16="http://schemas.microsoft.com/office/drawing/2014/main" id="{8F4F2E9B-1D65-4D0B-8C78-5E105A0CD52B}"/>
              </a:ext>
            </a:extLst>
          </p:cNvPr>
          <p:cNvSpPr/>
          <p:nvPr/>
        </p:nvSpPr>
        <p:spPr>
          <a:xfrm>
            <a:off x="641829" y="2707649"/>
            <a:ext cx="2636575" cy="268316"/>
          </a:xfrm>
          <a:prstGeom prst="rect">
            <a:avLst/>
          </a:prstGeom>
          <a:solidFill>
            <a:srgbClr val="FFC00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tIns="45720" rIns="34290" bIns="45720" rtlCol="0" anchor="ctr">
            <a:noAutofit/>
          </a:bodyPr>
          <a:lstStyle/>
          <a:p>
            <a:pPr algn="ctr" defTabSz="685800">
              <a:buClrTx/>
              <a:defRPr/>
            </a:pPr>
            <a:r>
              <a:rPr lang="en-US" sz="750" kern="1200">
                <a:solidFill>
                  <a:schemeClr val="tx1"/>
                </a:solidFill>
                <a:latin typeface="Calibri" panose="020F0502020204030204"/>
              </a:rPr>
              <a:t>OPI-EVPN-BR	</a:t>
            </a:r>
            <a:endParaRPr lang="en-US" sz="750" kern="1200">
              <a:solidFill>
                <a:schemeClr val="tx1"/>
              </a:solidFill>
              <a:latin typeface="Calibri" panose="020F0502020204030204"/>
              <a:ea typeface="Calibri"/>
              <a:cs typeface="Calibri"/>
            </a:endParaRPr>
          </a:p>
        </p:txBody>
      </p: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46FD9E4B-EC6A-4870-8497-0BA4188912DD}"/>
              </a:ext>
            </a:extLst>
          </p:cNvPr>
          <p:cNvCxnSpPr>
            <a:cxnSpLocks/>
            <a:endCxn id="20" idx="0"/>
          </p:cNvCxnSpPr>
          <p:nvPr/>
        </p:nvCxnSpPr>
        <p:spPr>
          <a:xfrm>
            <a:off x="2620991" y="1064916"/>
            <a:ext cx="0" cy="125469"/>
          </a:xfrm>
          <a:prstGeom prst="line">
            <a:avLst/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091F6E80-6A69-4908-B8B8-C9EB7C2ADBE7}"/>
              </a:ext>
            </a:extLst>
          </p:cNvPr>
          <p:cNvCxnSpPr>
            <a:cxnSpLocks/>
            <a:endCxn id="21" idx="0"/>
          </p:cNvCxnSpPr>
          <p:nvPr/>
        </p:nvCxnSpPr>
        <p:spPr>
          <a:xfrm>
            <a:off x="2911690" y="1399624"/>
            <a:ext cx="0" cy="259209"/>
          </a:xfrm>
          <a:prstGeom prst="line">
            <a:avLst/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3C749676-0601-4B3B-BCE7-B074E4D50E8F}"/>
              </a:ext>
            </a:extLst>
          </p:cNvPr>
          <p:cNvCxnSpPr>
            <a:cxnSpLocks/>
            <a:endCxn id="22" idx="0"/>
          </p:cNvCxnSpPr>
          <p:nvPr/>
        </p:nvCxnSpPr>
        <p:spPr>
          <a:xfrm flipH="1">
            <a:off x="2321748" y="1394213"/>
            <a:ext cx="181" cy="191627"/>
          </a:xfrm>
          <a:prstGeom prst="line">
            <a:avLst/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>
            <a:extLst>
              <a:ext uri="{FF2B5EF4-FFF2-40B4-BE49-F238E27FC236}">
                <a16:creationId xmlns:a16="http://schemas.microsoft.com/office/drawing/2014/main" id="{B1F47901-059B-433F-84D7-2F2147D2F4E6}"/>
              </a:ext>
            </a:extLst>
          </p:cNvPr>
          <p:cNvCxnSpPr>
            <a:cxnSpLocks/>
          </p:cNvCxnSpPr>
          <p:nvPr/>
        </p:nvCxnSpPr>
        <p:spPr>
          <a:xfrm>
            <a:off x="2357329" y="1920675"/>
            <a:ext cx="0" cy="786974"/>
          </a:xfrm>
          <a:prstGeom prst="line">
            <a:avLst/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Straight Connector 89">
            <a:extLst>
              <a:ext uri="{FF2B5EF4-FFF2-40B4-BE49-F238E27FC236}">
                <a16:creationId xmlns:a16="http://schemas.microsoft.com/office/drawing/2014/main" id="{84751EB9-B747-4E4F-B57E-0ABB86A2D7D7}"/>
              </a:ext>
            </a:extLst>
          </p:cNvPr>
          <p:cNvCxnSpPr>
            <a:cxnSpLocks/>
            <a:stCxn id="7" idx="0"/>
            <a:endCxn id="12" idx="2"/>
          </p:cNvCxnSpPr>
          <p:nvPr/>
        </p:nvCxnSpPr>
        <p:spPr>
          <a:xfrm flipH="1" flipV="1">
            <a:off x="5622742" y="3102652"/>
            <a:ext cx="1619" cy="163442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Connector 92">
            <a:extLst>
              <a:ext uri="{FF2B5EF4-FFF2-40B4-BE49-F238E27FC236}">
                <a16:creationId xmlns:a16="http://schemas.microsoft.com/office/drawing/2014/main" id="{A34B49E1-7BCB-47F2-AE91-EBB0566C8B87}"/>
              </a:ext>
            </a:extLst>
          </p:cNvPr>
          <p:cNvCxnSpPr>
            <a:cxnSpLocks/>
            <a:stCxn id="8" idx="0"/>
            <a:endCxn id="7" idx="2"/>
          </p:cNvCxnSpPr>
          <p:nvPr/>
        </p:nvCxnSpPr>
        <p:spPr>
          <a:xfrm flipV="1">
            <a:off x="5624361" y="3475521"/>
            <a:ext cx="0" cy="69827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Straight Connector 96">
            <a:extLst>
              <a:ext uri="{FF2B5EF4-FFF2-40B4-BE49-F238E27FC236}">
                <a16:creationId xmlns:a16="http://schemas.microsoft.com/office/drawing/2014/main" id="{70E61177-4ABE-4E0A-8E9D-9FEE85CAE82A}"/>
              </a:ext>
            </a:extLst>
          </p:cNvPr>
          <p:cNvCxnSpPr>
            <a:cxnSpLocks/>
            <a:stCxn id="108" idx="0"/>
            <a:endCxn id="6" idx="2"/>
          </p:cNvCxnSpPr>
          <p:nvPr/>
        </p:nvCxnSpPr>
        <p:spPr>
          <a:xfrm flipV="1">
            <a:off x="5356112" y="4442457"/>
            <a:ext cx="268247" cy="403914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val 107">
            <a:extLst>
              <a:ext uri="{FF2B5EF4-FFF2-40B4-BE49-F238E27FC236}">
                <a16:creationId xmlns:a16="http://schemas.microsoft.com/office/drawing/2014/main" id="{6A1D8FBB-CBDD-495E-9585-CD49C0548B6E}"/>
              </a:ext>
            </a:extLst>
          </p:cNvPr>
          <p:cNvSpPr/>
          <p:nvPr/>
        </p:nvSpPr>
        <p:spPr>
          <a:xfrm>
            <a:off x="5268097" y="4846371"/>
            <a:ext cx="176029" cy="174572"/>
          </a:xfrm>
          <a:prstGeom prst="ellipse">
            <a:avLst/>
          </a:prstGeom>
          <a:solidFill>
            <a:schemeClr val="tx1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buClrTx/>
              <a:defRPr/>
            </a:pPr>
            <a:endParaRPr lang="en-US" sz="1050" kern="12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72" name="Rectangle 71">
            <a:extLst>
              <a:ext uri="{FF2B5EF4-FFF2-40B4-BE49-F238E27FC236}">
                <a16:creationId xmlns:a16="http://schemas.microsoft.com/office/drawing/2014/main" id="{D0432547-1A0B-4678-896F-FD1821C7B8DE}"/>
              </a:ext>
            </a:extLst>
          </p:cNvPr>
          <p:cNvSpPr/>
          <p:nvPr/>
        </p:nvSpPr>
        <p:spPr>
          <a:xfrm>
            <a:off x="522698" y="4264538"/>
            <a:ext cx="661974" cy="413348"/>
          </a:xfrm>
          <a:prstGeom prst="rect">
            <a:avLst/>
          </a:prstGeom>
          <a:solidFill>
            <a:srgbClr val="92D05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IPSec CP</a:t>
            </a:r>
          </a:p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(strongSwan)</a:t>
            </a:r>
          </a:p>
        </p:txBody>
      </p:sp>
      <p:cxnSp>
        <p:nvCxnSpPr>
          <p:cNvPr id="73" name="Straight Connector 72">
            <a:extLst>
              <a:ext uri="{FF2B5EF4-FFF2-40B4-BE49-F238E27FC236}">
                <a16:creationId xmlns:a16="http://schemas.microsoft.com/office/drawing/2014/main" id="{76CD2005-638F-4451-BA08-085C2AAC79E4}"/>
              </a:ext>
            </a:extLst>
          </p:cNvPr>
          <p:cNvCxnSpPr>
            <a:cxnSpLocks/>
          </p:cNvCxnSpPr>
          <p:nvPr/>
        </p:nvCxnSpPr>
        <p:spPr>
          <a:xfrm flipV="1">
            <a:off x="846201" y="2983625"/>
            <a:ext cx="0" cy="1137490"/>
          </a:xfrm>
          <a:prstGeom prst="line">
            <a:avLst/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Rectangle: Rounded Corners 98">
            <a:extLst>
              <a:ext uri="{FF2B5EF4-FFF2-40B4-BE49-F238E27FC236}">
                <a16:creationId xmlns:a16="http://schemas.microsoft.com/office/drawing/2014/main" id="{25989FAE-A2D1-42B9-B00E-47FC2D48B7EF}"/>
              </a:ext>
            </a:extLst>
          </p:cNvPr>
          <p:cNvSpPr/>
          <p:nvPr/>
        </p:nvSpPr>
        <p:spPr bwMode="auto">
          <a:xfrm>
            <a:off x="4320524" y="889042"/>
            <a:ext cx="2410667" cy="509998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</a:pPr>
            <a:r>
              <a:rPr lang="en-US" sz="1050"/>
              <a:t>K8s pod</a:t>
            </a:r>
            <a:endParaRPr lang="en-US" sz="1050">
              <a:latin typeface="+mn-lt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C9602FB-36C1-4E14-9053-A99C8E8B8560}"/>
              </a:ext>
            </a:extLst>
          </p:cNvPr>
          <p:cNvSpPr/>
          <p:nvPr/>
        </p:nvSpPr>
        <p:spPr>
          <a:xfrm>
            <a:off x="4599525" y="1321157"/>
            <a:ext cx="509809" cy="213585"/>
          </a:xfrm>
          <a:prstGeom prst="rect">
            <a:avLst/>
          </a:prstGeom>
          <a:solidFill>
            <a:schemeClr val="bg1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spAutoFit/>
          </a:bodyPr>
          <a:lstStyle/>
          <a:p>
            <a:pPr algn="ctr" defTabSz="685800">
              <a:buClrTx/>
              <a:defRPr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eth0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3C58B6A-5F34-4485-9973-9A660FB09C60}"/>
              </a:ext>
            </a:extLst>
          </p:cNvPr>
          <p:cNvSpPr/>
          <p:nvPr/>
        </p:nvSpPr>
        <p:spPr>
          <a:xfrm>
            <a:off x="5260331" y="1303310"/>
            <a:ext cx="548696" cy="233561"/>
          </a:xfrm>
          <a:prstGeom prst="rect">
            <a:avLst/>
          </a:prstGeom>
          <a:solidFill>
            <a:schemeClr val="bg1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  <a:defRPr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Secondary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access VF</a:t>
            </a:r>
          </a:p>
        </p:txBody>
      </p: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6366C872-5671-4BC5-8187-F255176A8E00}"/>
              </a:ext>
            </a:extLst>
          </p:cNvPr>
          <p:cNvCxnSpPr>
            <a:cxnSpLocks/>
          </p:cNvCxnSpPr>
          <p:nvPr/>
        </p:nvCxnSpPr>
        <p:spPr>
          <a:xfrm>
            <a:off x="8020273" y="3745822"/>
            <a:ext cx="347606" cy="0"/>
          </a:xfrm>
          <a:prstGeom prst="line">
            <a:avLst/>
          </a:prstGeom>
          <a:ln w="3175">
            <a:solidFill>
              <a:schemeClr val="tx1"/>
            </a:solidFill>
            <a:prstDash val="dash"/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TextBox 109">
            <a:extLst>
              <a:ext uri="{FF2B5EF4-FFF2-40B4-BE49-F238E27FC236}">
                <a16:creationId xmlns:a16="http://schemas.microsoft.com/office/drawing/2014/main" id="{E35BCFE9-FE19-4546-9458-DB2807A9B740}"/>
              </a:ext>
            </a:extLst>
          </p:cNvPr>
          <p:cNvSpPr txBox="1"/>
          <p:nvPr/>
        </p:nvSpPr>
        <p:spPr>
          <a:xfrm>
            <a:off x="8346543" y="3596695"/>
            <a:ext cx="1069633" cy="3348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buClrTx/>
              <a:defRPr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Control plane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interface</a:t>
            </a:r>
          </a:p>
        </p:txBody>
      </p:sp>
      <p:cxnSp>
        <p:nvCxnSpPr>
          <p:cNvPr id="111" name="Straight Connector 110">
            <a:extLst>
              <a:ext uri="{FF2B5EF4-FFF2-40B4-BE49-F238E27FC236}">
                <a16:creationId xmlns:a16="http://schemas.microsoft.com/office/drawing/2014/main" id="{380BB8D4-4ABD-49B4-9898-B74A9BE97E35}"/>
              </a:ext>
            </a:extLst>
          </p:cNvPr>
          <p:cNvCxnSpPr>
            <a:cxnSpLocks/>
          </p:cNvCxnSpPr>
          <p:nvPr/>
        </p:nvCxnSpPr>
        <p:spPr>
          <a:xfrm flipH="1">
            <a:off x="8024542" y="4075153"/>
            <a:ext cx="322001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TextBox 111">
            <a:extLst>
              <a:ext uri="{FF2B5EF4-FFF2-40B4-BE49-F238E27FC236}">
                <a16:creationId xmlns:a16="http://schemas.microsoft.com/office/drawing/2014/main" id="{C591F914-916E-4663-9AB1-7631CE35FBA6}"/>
              </a:ext>
            </a:extLst>
          </p:cNvPr>
          <p:cNvSpPr txBox="1"/>
          <p:nvPr/>
        </p:nvSpPr>
        <p:spPr>
          <a:xfrm>
            <a:off x="8346544" y="3921916"/>
            <a:ext cx="649820" cy="3348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buClrTx/>
              <a:defRPr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Data plane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fast path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2D799242-06B4-4B7B-BEAC-5041D4A0B104}"/>
              </a:ext>
            </a:extLst>
          </p:cNvPr>
          <p:cNvSpPr/>
          <p:nvPr/>
        </p:nvSpPr>
        <p:spPr>
          <a:xfrm>
            <a:off x="2494405" y="4284752"/>
            <a:ext cx="847066" cy="268316"/>
          </a:xfrm>
          <a:prstGeom prst="rect">
            <a:avLst/>
          </a:prstGeom>
          <a:solidFill>
            <a:srgbClr val="00B0F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Vendor SDK</a:t>
            </a:r>
          </a:p>
        </p:txBody>
      </p:sp>
      <p:sp>
        <p:nvSpPr>
          <p:cNvPr id="129" name="Oval 128">
            <a:extLst>
              <a:ext uri="{FF2B5EF4-FFF2-40B4-BE49-F238E27FC236}">
                <a16:creationId xmlns:a16="http://schemas.microsoft.com/office/drawing/2014/main" id="{FDC24216-217E-421E-8DBD-85E976EFFBC7}"/>
              </a:ext>
            </a:extLst>
          </p:cNvPr>
          <p:cNvSpPr/>
          <p:nvPr/>
        </p:nvSpPr>
        <p:spPr>
          <a:xfrm>
            <a:off x="5752845" y="4846372"/>
            <a:ext cx="176029" cy="174572"/>
          </a:xfrm>
          <a:prstGeom prst="ellipse">
            <a:avLst/>
          </a:prstGeom>
          <a:solidFill>
            <a:schemeClr val="tx1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buClrTx/>
              <a:defRPr/>
            </a:pPr>
            <a:endParaRPr lang="en-US" sz="1050" kern="120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152" name="Straight Connector 151">
            <a:extLst>
              <a:ext uri="{FF2B5EF4-FFF2-40B4-BE49-F238E27FC236}">
                <a16:creationId xmlns:a16="http://schemas.microsoft.com/office/drawing/2014/main" id="{516715C1-417D-44A5-B261-28CAC56AC475}"/>
              </a:ext>
            </a:extLst>
          </p:cNvPr>
          <p:cNvCxnSpPr>
            <a:cxnSpLocks/>
            <a:endCxn id="129" idx="0"/>
          </p:cNvCxnSpPr>
          <p:nvPr/>
        </p:nvCxnSpPr>
        <p:spPr>
          <a:xfrm>
            <a:off x="5622742" y="4442457"/>
            <a:ext cx="218118" cy="403915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Rectangle 101">
            <a:extLst>
              <a:ext uri="{FF2B5EF4-FFF2-40B4-BE49-F238E27FC236}">
                <a16:creationId xmlns:a16="http://schemas.microsoft.com/office/drawing/2014/main" id="{56342285-F17F-4371-8024-772A5327A29A}"/>
              </a:ext>
            </a:extLst>
          </p:cNvPr>
          <p:cNvSpPr/>
          <p:nvPr/>
        </p:nvSpPr>
        <p:spPr>
          <a:xfrm>
            <a:off x="4599526" y="2012549"/>
            <a:ext cx="509809" cy="150972"/>
          </a:xfrm>
          <a:prstGeom prst="rect">
            <a:avLst/>
          </a:prstGeom>
          <a:solidFill>
            <a:schemeClr val="bg1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rIns="0" rtlCol="0" anchor="ctr">
            <a:noAutofit/>
          </a:bodyPr>
          <a:lstStyle/>
          <a:p>
            <a:pPr algn="ctr" defTabSz="685800">
              <a:buClrTx/>
              <a:defRPr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Primary VF</a:t>
            </a:r>
          </a:p>
        </p:txBody>
      </p: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7B90E8EE-28EF-4A2D-B338-657704734866}"/>
              </a:ext>
            </a:extLst>
          </p:cNvPr>
          <p:cNvCxnSpPr>
            <a:cxnSpLocks/>
            <a:stCxn id="102" idx="2"/>
          </p:cNvCxnSpPr>
          <p:nvPr/>
        </p:nvCxnSpPr>
        <p:spPr>
          <a:xfrm>
            <a:off x="4854431" y="2163521"/>
            <a:ext cx="0" cy="670549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4561F7C7-6930-4FBE-BFEF-CA7FAF40FE41}"/>
              </a:ext>
            </a:extLst>
          </p:cNvPr>
          <p:cNvCxnSpPr>
            <a:cxnSpLocks/>
          </p:cNvCxnSpPr>
          <p:nvPr/>
        </p:nvCxnSpPr>
        <p:spPr>
          <a:xfrm>
            <a:off x="1445445" y="2968362"/>
            <a:ext cx="0" cy="777146"/>
          </a:xfrm>
          <a:prstGeom prst="straightConnector1">
            <a:avLst/>
          </a:prstGeom>
          <a:ln w="3175">
            <a:solidFill>
              <a:schemeClr val="tx1"/>
            </a:solidFill>
            <a:prstDash val="dash"/>
            <a:headEnd type="triangl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90984B60-1C7D-4FF7-B8D2-3DA7B42B373D}"/>
              </a:ext>
            </a:extLst>
          </p:cNvPr>
          <p:cNvCxnSpPr>
            <a:cxnSpLocks/>
            <a:stCxn id="3" idx="2"/>
            <a:endCxn id="121" idx="0"/>
          </p:cNvCxnSpPr>
          <p:nvPr/>
        </p:nvCxnSpPr>
        <p:spPr>
          <a:xfrm rot="5400000">
            <a:off x="4593892" y="1378015"/>
            <a:ext cx="103811" cy="417267"/>
          </a:xfrm>
          <a:prstGeom prst="bentConnector3">
            <a:avLst>
              <a:gd name="adj1" fmla="val 50000"/>
            </a:avLst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Rectangle 20">
            <a:extLst>
              <a:ext uri="{FF2B5EF4-FFF2-40B4-BE49-F238E27FC236}">
                <a16:creationId xmlns:a16="http://schemas.microsoft.com/office/drawing/2014/main" id="{01E63584-8874-42B0-97F3-05023DE0F6E0}"/>
              </a:ext>
            </a:extLst>
          </p:cNvPr>
          <p:cNvSpPr/>
          <p:nvPr/>
        </p:nvSpPr>
        <p:spPr>
          <a:xfrm>
            <a:off x="2645416" y="1658833"/>
            <a:ext cx="532547" cy="196208"/>
          </a:xfrm>
          <a:prstGeom prst="rect">
            <a:avLst/>
          </a:prstGeom>
          <a:solidFill>
            <a:srgbClr val="92D05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00" kern="1200">
                <a:solidFill>
                  <a:prstClr val="black"/>
                </a:solidFill>
                <a:latin typeface="Calibri" panose="020F0502020204030204"/>
              </a:rPr>
              <a:t>Primary CNI</a:t>
            </a:r>
          </a:p>
        </p:txBody>
      </p:sp>
      <p:sp>
        <p:nvSpPr>
          <p:cNvPr id="115" name="Rectangle 114">
            <a:extLst>
              <a:ext uri="{FF2B5EF4-FFF2-40B4-BE49-F238E27FC236}">
                <a16:creationId xmlns:a16="http://schemas.microsoft.com/office/drawing/2014/main" id="{5B1C03BD-6A61-4E19-96A2-91AA2E4C7804}"/>
              </a:ext>
            </a:extLst>
          </p:cNvPr>
          <p:cNvSpPr/>
          <p:nvPr/>
        </p:nvSpPr>
        <p:spPr>
          <a:xfrm>
            <a:off x="3253929" y="1198007"/>
            <a:ext cx="473903" cy="196207"/>
          </a:xfrm>
          <a:prstGeom prst="rect">
            <a:avLst/>
          </a:prstGeom>
          <a:solidFill>
            <a:srgbClr val="92D05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00" kern="1200" err="1">
                <a:solidFill>
                  <a:prstClr val="black"/>
                </a:solidFill>
                <a:latin typeface="Calibri" panose="020F0502020204030204"/>
              </a:rPr>
              <a:t>KubeProxy</a:t>
            </a:r>
            <a:endParaRPr lang="en-US" sz="700" kern="12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0DF0D14E-6C7F-4714-8204-28C2E5CFD2E8}"/>
              </a:ext>
            </a:extLst>
          </p:cNvPr>
          <p:cNvSpPr/>
          <p:nvPr/>
        </p:nvSpPr>
        <p:spPr>
          <a:xfrm>
            <a:off x="3764989" y="1638554"/>
            <a:ext cx="1344347" cy="232091"/>
          </a:xfrm>
          <a:prstGeom prst="rect">
            <a:avLst/>
          </a:prstGeom>
          <a:solidFill>
            <a:srgbClr val="92D05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Linux routing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iptables</a:t>
            </a:r>
          </a:p>
        </p:txBody>
      </p:sp>
      <p:cxnSp>
        <p:nvCxnSpPr>
          <p:cNvPr id="153" name="Straight Connector 104">
            <a:extLst>
              <a:ext uri="{FF2B5EF4-FFF2-40B4-BE49-F238E27FC236}">
                <a16:creationId xmlns:a16="http://schemas.microsoft.com/office/drawing/2014/main" id="{12D309FA-7687-462B-8163-DEEE266FC684}"/>
              </a:ext>
            </a:extLst>
          </p:cNvPr>
          <p:cNvCxnSpPr>
            <a:cxnSpLocks/>
            <a:stCxn id="121" idx="2"/>
            <a:endCxn id="102" idx="0"/>
          </p:cNvCxnSpPr>
          <p:nvPr/>
        </p:nvCxnSpPr>
        <p:spPr>
          <a:xfrm rot="16200000" flipH="1">
            <a:off x="4574845" y="1732963"/>
            <a:ext cx="141904" cy="417268"/>
          </a:xfrm>
          <a:prstGeom prst="bentConnector3">
            <a:avLst>
              <a:gd name="adj1" fmla="val 50000"/>
            </a:avLst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Straight Connector 161">
            <a:extLst>
              <a:ext uri="{FF2B5EF4-FFF2-40B4-BE49-F238E27FC236}">
                <a16:creationId xmlns:a16="http://schemas.microsoft.com/office/drawing/2014/main" id="{EEB3A47D-D8A2-4E48-B2D8-C4D2E674985C}"/>
              </a:ext>
            </a:extLst>
          </p:cNvPr>
          <p:cNvCxnSpPr>
            <a:cxnSpLocks/>
            <a:endCxn id="115" idx="0"/>
          </p:cNvCxnSpPr>
          <p:nvPr/>
        </p:nvCxnSpPr>
        <p:spPr>
          <a:xfrm>
            <a:off x="3490880" y="1064916"/>
            <a:ext cx="1" cy="133091"/>
          </a:xfrm>
          <a:prstGeom prst="line">
            <a:avLst/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Straight Connector 173">
            <a:extLst>
              <a:ext uri="{FF2B5EF4-FFF2-40B4-BE49-F238E27FC236}">
                <a16:creationId xmlns:a16="http://schemas.microsoft.com/office/drawing/2014/main" id="{4E3F2958-10B8-43A7-8513-C35D8EE4E758}"/>
              </a:ext>
            </a:extLst>
          </p:cNvPr>
          <p:cNvCxnSpPr>
            <a:cxnSpLocks/>
            <a:stCxn id="115" idx="2"/>
            <a:endCxn id="121" idx="1"/>
          </p:cNvCxnSpPr>
          <p:nvPr/>
        </p:nvCxnSpPr>
        <p:spPr>
          <a:xfrm rot="16200000" flipH="1">
            <a:off x="3447742" y="1437353"/>
            <a:ext cx="360386" cy="274108"/>
          </a:xfrm>
          <a:prstGeom prst="bentConnector2">
            <a:avLst/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Straight Connector 176">
            <a:extLst>
              <a:ext uri="{FF2B5EF4-FFF2-40B4-BE49-F238E27FC236}">
                <a16:creationId xmlns:a16="http://schemas.microsoft.com/office/drawing/2014/main" id="{3B37E3AD-183F-4D36-9860-325BF9A03477}"/>
              </a:ext>
            </a:extLst>
          </p:cNvPr>
          <p:cNvCxnSpPr>
            <a:cxnSpLocks/>
            <a:stCxn id="21" idx="3"/>
            <a:endCxn id="121" idx="1"/>
          </p:cNvCxnSpPr>
          <p:nvPr/>
        </p:nvCxnSpPr>
        <p:spPr>
          <a:xfrm flipV="1">
            <a:off x="3177963" y="1754600"/>
            <a:ext cx="587026" cy="2337"/>
          </a:xfrm>
          <a:prstGeom prst="bentConnector3">
            <a:avLst>
              <a:gd name="adj1" fmla="val 50000"/>
            </a:avLst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Straight Connector 94">
            <a:extLst>
              <a:ext uri="{FF2B5EF4-FFF2-40B4-BE49-F238E27FC236}">
                <a16:creationId xmlns:a16="http://schemas.microsoft.com/office/drawing/2014/main" id="{402557A8-EADE-43AA-9B9C-9750DC9FCE44}"/>
              </a:ext>
            </a:extLst>
          </p:cNvPr>
          <p:cNvCxnSpPr>
            <a:cxnSpLocks/>
            <a:stCxn id="11" idx="2"/>
            <a:endCxn id="119" idx="0"/>
          </p:cNvCxnSpPr>
          <p:nvPr/>
        </p:nvCxnSpPr>
        <p:spPr>
          <a:xfrm>
            <a:off x="2917938" y="2946717"/>
            <a:ext cx="0" cy="1338035"/>
          </a:xfrm>
          <a:prstGeom prst="straightConnector1">
            <a:avLst/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Oval 95">
            <a:extLst>
              <a:ext uri="{FF2B5EF4-FFF2-40B4-BE49-F238E27FC236}">
                <a16:creationId xmlns:a16="http://schemas.microsoft.com/office/drawing/2014/main" id="{0F04BDBD-D937-41AC-9A55-760C7EB1F4DC}"/>
              </a:ext>
            </a:extLst>
          </p:cNvPr>
          <p:cNvSpPr/>
          <p:nvPr/>
        </p:nvSpPr>
        <p:spPr bwMode="auto">
          <a:xfrm>
            <a:off x="3198124" y="3025029"/>
            <a:ext cx="109097" cy="101796"/>
          </a:xfrm>
          <a:prstGeom prst="ellipse">
            <a:avLst/>
          </a:prstGeom>
          <a:noFill/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54000" tIns="27000" rIns="54864" bIns="27432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35000" indent="-135000">
              <a:spcBef>
                <a:spcPts val="600"/>
              </a:spcBef>
              <a:buFont typeface="Ericsson Hilda" panose="00000500000000000000" pitchFamily="2" charset="0"/>
              <a:buChar char="●"/>
            </a:pPr>
            <a:endParaRPr lang="en-US" sz="1050" err="1">
              <a:solidFill>
                <a:schemeClr val="bg1"/>
              </a:solidFill>
              <a:latin typeface="+mn-lt"/>
            </a:endParaRPr>
          </a:p>
        </p:txBody>
      </p:sp>
      <p:cxnSp>
        <p:nvCxnSpPr>
          <p:cNvPr id="134" name="Straight Connector 133">
            <a:extLst>
              <a:ext uri="{FF2B5EF4-FFF2-40B4-BE49-F238E27FC236}">
                <a16:creationId xmlns:a16="http://schemas.microsoft.com/office/drawing/2014/main" id="{FABD9E43-5C03-42AE-8081-D8A63770BC0B}"/>
              </a:ext>
            </a:extLst>
          </p:cNvPr>
          <p:cNvCxnSpPr>
            <a:cxnSpLocks/>
          </p:cNvCxnSpPr>
          <p:nvPr/>
        </p:nvCxnSpPr>
        <p:spPr>
          <a:xfrm flipH="1">
            <a:off x="8024542" y="4391122"/>
            <a:ext cx="322001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TextBox 134">
            <a:extLst>
              <a:ext uri="{FF2B5EF4-FFF2-40B4-BE49-F238E27FC236}">
                <a16:creationId xmlns:a16="http://schemas.microsoft.com/office/drawing/2014/main" id="{450F0A0C-A0EA-4E05-8A92-A87C85722F51}"/>
              </a:ext>
            </a:extLst>
          </p:cNvPr>
          <p:cNvSpPr txBox="1"/>
          <p:nvPr/>
        </p:nvSpPr>
        <p:spPr>
          <a:xfrm>
            <a:off x="8346544" y="4237885"/>
            <a:ext cx="649820" cy="3348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buClrTx/>
              <a:defRPr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Data plane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  <a:ea typeface="+mn-ea"/>
                <a:cs typeface="+mn-cs"/>
              </a:rPr>
              <a:t>slow path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FEEDE28C-3623-4A2B-B808-50021B8F58F7}"/>
              </a:ext>
            </a:extLst>
          </p:cNvPr>
          <p:cNvSpPr/>
          <p:nvPr/>
        </p:nvSpPr>
        <p:spPr>
          <a:xfrm>
            <a:off x="4670772" y="4228872"/>
            <a:ext cx="1907174" cy="213585"/>
          </a:xfrm>
          <a:prstGeom prst="rect">
            <a:avLst/>
          </a:prstGeom>
          <a:solidFill>
            <a:srgbClr val="00B0F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IPSec encryption/decryption</a:t>
            </a:r>
          </a:p>
        </p:txBody>
      </p:sp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85D72147-F58E-436E-9F38-9DD8A060B9DD}"/>
              </a:ext>
            </a:extLst>
          </p:cNvPr>
          <p:cNvCxnSpPr>
            <a:cxnSpLocks/>
            <a:stCxn id="67" idx="0"/>
            <a:endCxn id="8" idx="2"/>
          </p:cNvCxnSpPr>
          <p:nvPr/>
        </p:nvCxnSpPr>
        <p:spPr>
          <a:xfrm flipH="1" flipV="1">
            <a:off x="5624361" y="3758933"/>
            <a:ext cx="5487" cy="150525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Straight Connector 79">
            <a:extLst>
              <a:ext uri="{FF2B5EF4-FFF2-40B4-BE49-F238E27FC236}">
                <a16:creationId xmlns:a16="http://schemas.microsoft.com/office/drawing/2014/main" id="{713BB612-46D0-45CB-8E8D-FD680CF05DD9}"/>
              </a:ext>
            </a:extLst>
          </p:cNvPr>
          <p:cNvCxnSpPr>
            <a:cxnSpLocks/>
            <a:stCxn id="119" idx="3"/>
            <a:endCxn id="68" idx="1"/>
          </p:cNvCxnSpPr>
          <p:nvPr/>
        </p:nvCxnSpPr>
        <p:spPr>
          <a:xfrm flipV="1">
            <a:off x="3341471" y="3616630"/>
            <a:ext cx="959617" cy="802280"/>
          </a:xfrm>
          <a:prstGeom prst="bentConnector3">
            <a:avLst>
              <a:gd name="adj1" fmla="val 50000"/>
            </a:avLst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1" name="Rectangle 290">
            <a:extLst>
              <a:ext uri="{FF2B5EF4-FFF2-40B4-BE49-F238E27FC236}">
                <a16:creationId xmlns:a16="http://schemas.microsoft.com/office/drawing/2014/main" id="{93B98CE6-597D-4E81-A168-EF4D7F5BA76A}"/>
              </a:ext>
            </a:extLst>
          </p:cNvPr>
          <p:cNvSpPr/>
          <p:nvPr/>
        </p:nvSpPr>
        <p:spPr>
          <a:xfrm>
            <a:off x="1743071" y="3168379"/>
            <a:ext cx="935194" cy="467509"/>
          </a:xfrm>
          <a:prstGeom prst="rect">
            <a:avLst/>
          </a:prstGeom>
          <a:solidFill>
            <a:srgbClr val="92D05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Linux Bridging &amp; Routing 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CP and slow path</a:t>
            </a:r>
          </a:p>
        </p:txBody>
      </p:sp>
      <p:cxnSp>
        <p:nvCxnSpPr>
          <p:cNvPr id="297" name="Straight Connector 296">
            <a:extLst>
              <a:ext uri="{FF2B5EF4-FFF2-40B4-BE49-F238E27FC236}">
                <a16:creationId xmlns:a16="http://schemas.microsoft.com/office/drawing/2014/main" id="{6A3161A8-52FD-4AA0-AC10-B27DFE6BC914}"/>
              </a:ext>
            </a:extLst>
          </p:cNvPr>
          <p:cNvCxnSpPr>
            <a:cxnSpLocks/>
            <a:stCxn id="18" idx="0"/>
            <a:endCxn id="291" idx="1"/>
          </p:cNvCxnSpPr>
          <p:nvPr/>
        </p:nvCxnSpPr>
        <p:spPr>
          <a:xfrm rot="5400000" flipH="1" flipV="1">
            <a:off x="1480318" y="3490358"/>
            <a:ext cx="350977" cy="174530"/>
          </a:xfrm>
          <a:prstGeom prst="bentConnector2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" name="Straight Connector 53">
            <a:extLst>
              <a:ext uri="{FF2B5EF4-FFF2-40B4-BE49-F238E27FC236}">
                <a16:creationId xmlns:a16="http://schemas.microsoft.com/office/drawing/2014/main" id="{32294A66-52CD-40CB-B25B-A32CD0955BEC}"/>
              </a:ext>
            </a:extLst>
          </p:cNvPr>
          <p:cNvCxnSpPr>
            <a:cxnSpLocks/>
            <a:endCxn id="291" idx="0"/>
          </p:cNvCxnSpPr>
          <p:nvPr/>
        </p:nvCxnSpPr>
        <p:spPr>
          <a:xfrm>
            <a:off x="2210668" y="2983625"/>
            <a:ext cx="0" cy="184754"/>
          </a:xfrm>
          <a:prstGeom prst="straightConnector1">
            <a:avLst/>
          </a:prstGeom>
          <a:ln w="3175">
            <a:solidFill>
              <a:schemeClr val="tx1"/>
            </a:solidFill>
            <a:prstDash val="dash"/>
            <a:headEnd type="triangl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3" name="Rectangle 342">
            <a:extLst>
              <a:ext uri="{FF2B5EF4-FFF2-40B4-BE49-F238E27FC236}">
                <a16:creationId xmlns:a16="http://schemas.microsoft.com/office/drawing/2014/main" id="{58D1B885-28AA-4298-8A00-A4F98264C0F7}"/>
              </a:ext>
            </a:extLst>
          </p:cNvPr>
          <p:cNvSpPr/>
          <p:nvPr/>
        </p:nvSpPr>
        <p:spPr>
          <a:xfrm>
            <a:off x="778620" y="1241857"/>
            <a:ext cx="834816" cy="456087"/>
          </a:xfrm>
          <a:prstGeom prst="rect">
            <a:avLst/>
          </a:prstGeom>
          <a:solidFill>
            <a:srgbClr val="FFC00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Network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Provisioning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CLI (</a:t>
            </a:r>
            <a:r>
              <a:rPr lang="en-US" sz="788" kern="1200" err="1">
                <a:solidFill>
                  <a:prstClr val="black"/>
                </a:solidFill>
                <a:latin typeface="Calibri" panose="020F0502020204030204"/>
              </a:rPr>
              <a:t>godpu</a:t>
            </a: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)</a:t>
            </a:r>
          </a:p>
        </p:txBody>
      </p:sp>
      <p:cxnSp>
        <p:nvCxnSpPr>
          <p:cNvPr id="345" name="Straight Connector 344">
            <a:extLst>
              <a:ext uri="{FF2B5EF4-FFF2-40B4-BE49-F238E27FC236}">
                <a16:creationId xmlns:a16="http://schemas.microsoft.com/office/drawing/2014/main" id="{CC0201F3-EC71-47A1-B696-4F7490FCF010}"/>
              </a:ext>
            </a:extLst>
          </p:cNvPr>
          <p:cNvCxnSpPr>
            <a:cxnSpLocks/>
            <a:stCxn id="343" idx="2"/>
          </p:cNvCxnSpPr>
          <p:nvPr/>
        </p:nvCxnSpPr>
        <p:spPr>
          <a:xfrm>
            <a:off x="1196028" y="1697944"/>
            <a:ext cx="0" cy="1009705"/>
          </a:xfrm>
          <a:prstGeom prst="line">
            <a:avLst/>
          </a:prstGeom>
          <a:ln w="3175">
            <a:solidFill>
              <a:schemeClr val="tx1"/>
            </a:solidFill>
            <a:prstDash val="dash"/>
            <a:headEnd type="none" w="med" len="sm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160C60B7-76F0-407E-BA95-EE55A26F2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9560" y="160181"/>
            <a:ext cx="7605509" cy="810816"/>
          </a:xfrm>
        </p:spPr>
        <p:txBody>
          <a:bodyPr/>
          <a:lstStyle/>
          <a:p>
            <a:r>
              <a:rPr lang="en-US" sz="2000"/>
              <a:t>Tenant Networking &amp; EVPN GW offload – Target Architecture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CE56159-1AF5-5F95-0DEA-48C301C4D8D4}"/>
              </a:ext>
            </a:extLst>
          </p:cNvPr>
          <p:cNvSpPr/>
          <p:nvPr/>
        </p:nvSpPr>
        <p:spPr>
          <a:xfrm>
            <a:off x="2621503" y="2739346"/>
            <a:ext cx="592870" cy="207371"/>
          </a:xfrm>
          <a:prstGeom prst="rect">
            <a:avLst/>
          </a:prstGeom>
          <a:solidFill>
            <a:srgbClr val="00B0F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lnSpc>
                <a:spcPct val="80000"/>
              </a:lnSpc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Vendor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Plugin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3A83BD54-5BB4-F668-85BF-832C4E2522E4}"/>
              </a:ext>
            </a:extLst>
          </p:cNvPr>
          <p:cNvSpPr/>
          <p:nvPr/>
        </p:nvSpPr>
        <p:spPr>
          <a:xfrm>
            <a:off x="8010825" y="1805253"/>
            <a:ext cx="834816" cy="233234"/>
          </a:xfrm>
          <a:prstGeom prst="rect">
            <a:avLst/>
          </a:prstGeom>
          <a:solidFill>
            <a:srgbClr val="FFC00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Vendor Agnostic</a:t>
            </a:r>
          </a:p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Upstream Target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CF5CD4FB-24F5-7C25-CBC8-3AADB24BD181}"/>
              </a:ext>
            </a:extLst>
          </p:cNvPr>
          <p:cNvSpPr/>
          <p:nvPr/>
        </p:nvSpPr>
        <p:spPr>
          <a:xfrm>
            <a:off x="8017435" y="2122083"/>
            <a:ext cx="834816" cy="233234"/>
          </a:xfrm>
          <a:prstGeom prst="rect">
            <a:avLst/>
          </a:prstGeom>
          <a:solidFill>
            <a:srgbClr val="00B0F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Vendor Specific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3272AD71-715D-24A1-111A-9AE95230B739}"/>
              </a:ext>
            </a:extLst>
          </p:cNvPr>
          <p:cNvSpPr/>
          <p:nvPr/>
        </p:nvSpPr>
        <p:spPr>
          <a:xfrm>
            <a:off x="8025969" y="2495005"/>
            <a:ext cx="834816" cy="233234"/>
          </a:xfrm>
          <a:prstGeom prst="rect">
            <a:avLst/>
          </a:prstGeom>
          <a:solidFill>
            <a:srgbClr val="92D05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Existing Open Source</a:t>
            </a:r>
          </a:p>
        </p:txBody>
      </p:sp>
      <p:sp>
        <p:nvSpPr>
          <p:cNvPr id="232" name="Rectangle 231">
            <a:extLst>
              <a:ext uri="{FF2B5EF4-FFF2-40B4-BE49-F238E27FC236}">
                <a16:creationId xmlns:a16="http://schemas.microsoft.com/office/drawing/2014/main" id="{9EEC9183-D3C8-071A-44B1-633E48141999}"/>
              </a:ext>
            </a:extLst>
          </p:cNvPr>
          <p:cNvSpPr/>
          <p:nvPr/>
        </p:nvSpPr>
        <p:spPr>
          <a:xfrm>
            <a:off x="522697" y="4111700"/>
            <a:ext cx="661971" cy="152838"/>
          </a:xfrm>
          <a:prstGeom prst="rect">
            <a:avLst/>
          </a:prstGeom>
          <a:solidFill>
            <a:srgbClr val="FFC00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Plugin</a:t>
            </a:r>
          </a:p>
        </p:txBody>
      </p:sp>
      <p:cxnSp>
        <p:nvCxnSpPr>
          <p:cNvPr id="240" name="Straight Connector 239">
            <a:extLst>
              <a:ext uri="{FF2B5EF4-FFF2-40B4-BE49-F238E27FC236}">
                <a16:creationId xmlns:a16="http://schemas.microsoft.com/office/drawing/2014/main" id="{0CA84C92-0483-EFD4-1815-C6E77F479F95}"/>
              </a:ext>
            </a:extLst>
          </p:cNvPr>
          <p:cNvCxnSpPr>
            <a:cxnSpLocks/>
          </p:cNvCxnSpPr>
          <p:nvPr/>
        </p:nvCxnSpPr>
        <p:spPr>
          <a:xfrm flipH="1" flipV="1">
            <a:off x="5626344" y="4077733"/>
            <a:ext cx="5487" cy="150525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Rectangle 66">
            <a:extLst>
              <a:ext uri="{FF2B5EF4-FFF2-40B4-BE49-F238E27FC236}">
                <a16:creationId xmlns:a16="http://schemas.microsoft.com/office/drawing/2014/main" id="{08590E39-9C8A-4311-93DF-FBE1F25653B2}"/>
              </a:ext>
            </a:extLst>
          </p:cNvPr>
          <p:cNvSpPr/>
          <p:nvPr/>
        </p:nvSpPr>
        <p:spPr>
          <a:xfrm>
            <a:off x="4676260" y="3909458"/>
            <a:ext cx="1907175" cy="211657"/>
          </a:xfrm>
          <a:prstGeom prst="rect">
            <a:avLst/>
          </a:prstGeom>
          <a:solidFill>
            <a:srgbClr val="00B0F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Underlay routing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F87F62D-5BB9-4359-9EED-572193036968}"/>
              </a:ext>
            </a:extLst>
          </p:cNvPr>
          <p:cNvSpPr/>
          <p:nvPr/>
        </p:nvSpPr>
        <p:spPr>
          <a:xfrm>
            <a:off x="5914858" y="1296824"/>
            <a:ext cx="528710" cy="246532"/>
          </a:xfrm>
          <a:prstGeom prst="rect">
            <a:avLst/>
          </a:prstGeom>
          <a:solidFill>
            <a:schemeClr val="bg1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4290" rIns="34290" rtlCol="0" anchor="ctr">
            <a:noAutofit/>
          </a:bodyPr>
          <a:lstStyle/>
          <a:p>
            <a:pPr algn="ctr" defTabSz="685800">
              <a:buClrTx/>
              <a:defRPr/>
            </a:pP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Secondary</a:t>
            </a:r>
            <a:br>
              <a:rPr lang="en-US" sz="788" kern="1200">
                <a:solidFill>
                  <a:prstClr val="black"/>
                </a:solidFill>
                <a:latin typeface="Calibri" panose="020F0502020204030204"/>
              </a:rPr>
            </a:br>
            <a:r>
              <a:rPr lang="en-US" sz="788" kern="1200">
                <a:solidFill>
                  <a:prstClr val="black"/>
                </a:solidFill>
                <a:latin typeface="Calibri" panose="020F0502020204030204"/>
              </a:rPr>
              <a:t>trunk VF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6140EDF0-3ECB-35C5-6C9B-F59AB3D4FB98}"/>
              </a:ext>
            </a:extLst>
          </p:cNvPr>
          <p:cNvCxnSpPr>
            <a:cxnSpLocks/>
            <a:endCxn id="291" idx="3"/>
          </p:cNvCxnSpPr>
          <p:nvPr/>
        </p:nvCxnSpPr>
        <p:spPr>
          <a:xfrm flipH="1">
            <a:off x="2678265" y="3402134"/>
            <a:ext cx="1622823" cy="0"/>
          </a:xfrm>
          <a:prstGeom prst="line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80EB3160-F219-BF7D-FD12-29A3C6FCD798}"/>
              </a:ext>
            </a:extLst>
          </p:cNvPr>
          <p:cNvCxnSpPr>
            <a:cxnSpLocks/>
          </p:cNvCxnSpPr>
          <p:nvPr/>
        </p:nvCxnSpPr>
        <p:spPr>
          <a:xfrm>
            <a:off x="1144480" y="2260599"/>
            <a:ext cx="1711842" cy="0"/>
          </a:xfrm>
          <a:prstGeom prst="line">
            <a:avLst/>
          </a:prstGeom>
          <a:ln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1" name="TextBox 30">
            <a:extLst>
              <a:ext uri="{FF2B5EF4-FFF2-40B4-BE49-F238E27FC236}">
                <a16:creationId xmlns:a16="http://schemas.microsoft.com/office/drawing/2014/main" id="{59E25066-7C74-FBBD-53DC-E8A1A73BD496}"/>
              </a:ext>
            </a:extLst>
          </p:cNvPr>
          <p:cNvSpPr txBox="1"/>
          <p:nvPr/>
        </p:nvSpPr>
        <p:spPr>
          <a:xfrm>
            <a:off x="796" y="2182259"/>
            <a:ext cx="1128264" cy="20005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r" defTabSz="685800">
              <a:buClrTx/>
              <a:defRPr/>
            </a:pPr>
            <a:r>
              <a:rPr lang="en-US" sz="700" b="1" kern="1200">
                <a:latin typeface="Calibri" panose="020F0502020204030204"/>
                <a:ea typeface="+mn-ea"/>
                <a:cs typeface="+mn-cs"/>
              </a:rPr>
              <a:t>EVPN GW </a:t>
            </a:r>
            <a:r>
              <a:rPr lang="en-US" sz="700" b="1" kern="1200" err="1">
                <a:latin typeface="Calibri" panose="020F0502020204030204"/>
                <a:ea typeface="+mn-ea"/>
                <a:cs typeface="+mn-cs"/>
              </a:rPr>
              <a:t>gRPC</a:t>
            </a:r>
            <a:r>
              <a:rPr lang="en-US" sz="700" b="1" kern="1200">
                <a:latin typeface="Calibri" panose="020F0502020204030204"/>
                <a:ea typeface="+mn-ea"/>
                <a:cs typeface="+mn-cs"/>
              </a:rPr>
              <a:t> API</a:t>
            </a:r>
          </a:p>
        </p:txBody>
      </p:sp>
      <p:cxnSp>
        <p:nvCxnSpPr>
          <p:cNvPr id="40" name="Straight Connector 296">
            <a:extLst>
              <a:ext uri="{FF2B5EF4-FFF2-40B4-BE49-F238E27FC236}">
                <a16:creationId xmlns:a16="http://schemas.microsoft.com/office/drawing/2014/main" id="{A843A608-76F0-73B8-3657-276255DCC2BD}"/>
              </a:ext>
            </a:extLst>
          </p:cNvPr>
          <p:cNvCxnSpPr>
            <a:cxnSpLocks/>
            <a:stCxn id="72" idx="3"/>
            <a:endCxn id="291" idx="2"/>
          </p:cNvCxnSpPr>
          <p:nvPr/>
        </p:nvCxnSpPr>
        <p:spPr>
          <a:xfrm flipV="1">
            <a:off x="1184672" y="3635888"/>
            <a:ext cx="1025996" cy="835324"/>
          </a:xfrm>
          <a:prstGeom prst="bentConnector2">
            <a:avLst/>
          </a:prstGeom>
          <a:ln w="63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8911B5A1-27BC-CDE0-4529-CDDA6869826D}"/>
              </a:ext>
            </a:extLst>
          </p:cNvPr>
          <p:cNvSpPr txBox="1"/>
          <p:nvPr/>
        </p:nvSpPr>
        <p:spPr>
          <a:xfrm>
            <a:off x="6202180" y="2459323"/>
            <a:ext cx="871304" cy="55868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r"/>
            <a:r>
              <a:rPr lang="en-US" sz="800">
                <a:solidFill>
                  <a:schemeClr val="tx1"/>
                </a:solidFill>
              </a:rPr>
              <a:t>Programmable HW pipeline</a:t>
            </a:r>
          </a:p>
          <a:p>
            <a:pPr algn="l"/>
            <a:endParaRPr lang="en-US"/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FF599738-3FB5-A1C4-2B35-C796CDF61338}"/>
              </a:ext>
            </a:extLst>
          </p:cNvPr>
          <p:cNvSpPr/>
          <p:nvPr/>
        </p:nvSpPr>
        <p:spPr>
          <a:xfrm>
            <a:off x="374453" y="2565960"/>
            <a:ext cx="3116427" cy="507817"/>
          </a:xfrm>
          <a:prstGeom prst="ellipse">
            <a:avLst/>
          </a:prstGeom>
          <a:noFill/>
          <a:ln w="95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</p:spTree>
    <p:extLst>
      <p:ext uri="{BB962C8B-B14F-4D97-AF65-F5344CB8AC3E}">
        <p14:creationId xmlns:p14="http://schemas.microsoft.com/office/powerpoint/2010/main" val="26542446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E42817-A28D-4A27-A3CF-10DC610DEF3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63366" y="1934056"/>
            <a:ext cx="6265069" cy="1210412"/>
          </a:xfrm>
        </p:spPr>
        <p:txBody>
          <a:bodyPr anchor="b">
            <a:normAutofit fontScale="90000"/>
          </a:bodyPr>
          <a:lstStyle/>
          <a:p>
            <a:r>
              <a:rPr lang="en-US" sz="3600"/>
              <a:t>OPI-EVPN-Bridge Architecture</a:t>
            </a:r>
          </a:p>
        </p:txBody>
      </p:sp>
    </p:spTree>
    <p:extLst>
      <p:ext uri="{BB962C8B-B14F-4D97-AF65-F5344CB8AC3E}">
        <p14:creationId xmlns:p14="http://schemas.microsoft.com/office/powerpoint/2010/main" val="17906095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62"/>
</p:tagLst>
</file>

<file path=ppt/theme/theme1.xml><?xml version="1.0" encoding="utf-8"?>
<a:theme xmlns:a="http://schemas.openxmlformats.org/drawingml/2006/main" name="Momentum">
  <a:themeElements>
    <a:clrScheme name="Momentum">
      <a:dk1>
        <a:srgbClr val="C0791B"/>
      </a:dk1>
      <a:lt1>
        <a:srgbClr val="FFFFFF"/>
      </a:lt1>
      <a:dk2>
        <a:srgbClr val="424242"/>
      </a:dk2>
      <a:lt2>
        <a:srgbClr val="8DD8D3"/>
      </a:lt2>
      <a:accent1>
        <a:srgbClr val="0B6374"/>
      </a:accent1>
      <a:accent2>
        <a:srgbClr val="FD5B58"/>
      </a:accent2>
      <a:accent3>
        <a:srgbClr val="599191"/>
      </a:accent3>
      <a:accent4>
        <a:srgbClr val="D7E6A3"/>
      </a:accent4>
      <a:accent5>
        <a:srgbClr val="27278B"/>
      </a:accent5>
      <a:accent6>
        <a:srgbClr val="D558AB"/>
      </a:accent6>
      <a:hlink>
        <a:srgbClr val="27278B"/>
      </a:hlink>
      <a:folHlink>
        <a:srgbClr val="2727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Simple Light">
  <a:themeElements>
    <a:clrScheme name="Simple Light">
      <a:dk1>
        <a:srgbClr val="000000"/>
      </a:dk1>
      <a:lt1>
        <a:srgbClr val="FFFFFF"/>
      </a:lt1>
      <a:dk2>
        <a:srgbClr val="595959"/>
      </a:dk2>
      <a:lt2>
        <a:srgbClr val="EEEEEE"/>
      </a:lt2>
      <a:accent1>
        <a:srgbClr val="4285F4"/>
      </a:accent1>
      <a:accent2>
        <a:srgbClr val="212121"/>
      </a:accent2>
      <a:accent3>
        <a:srgbClr val="78909C"/>
      </a:accent3>
      <a:accent4>
        <a:srgbClr val="FFAB40"/>
      </a:accent4>
      <a:accent5>
        <a:srgbClr val="0097A7"/>
      </a:accent5>
      <a:accent6>
        <a:srgbClr val="EEFF41"/>
      </a:accent6>
      <a:hlink>
        <a:srgbClr val="0097A7"/>
      </a:hlink>
      <a:folHlink>
        <a:srgbClr val="0097A7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Momentum">
    <a:dk1>
      <a:srgbClr val="C0791B"/>
    </a:dk1>
    <a:lt1>
      <a:srgbClr val="FFFFFF"/>
    </a:lt1>
    <a:dk2>
      <a:srgbClr val="424242"/>
    </a:dk2>
    <a:lt2>
      <a:srgbClr val="8DD8D3"/>
    </a:lt2>
    <a:accent1>
      <a:srgbClr val="0B6374"/>
    </a:accent1>
    <a:accent2>
      <a:srgbClr val="FD5B58"/>
    </a:accent2>
    <a:accent3>
      <a:srgbClr val="599191"/>
    </a:accent3>
    <a:accent4>
      <a:srgbClr val="D7E6A3"/>
    </a:accent4>
    <a:accent5>
      <a:srgbClr val="27278B"/>
    </a:accent5>
    <a:accent6>
      <a:srgbClr val="D558AB"/>
    </a:accent6>
    <a:hlink>
      <a:srgbClr val="27278B"/>
    </a:hlink>
    <a:folHlink>
      <a:srgbClr val="27278B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ocation xmlns="9be019c3-3580-42fe-a754-d6d215b7a654" xsi:nil="true"/>
    <lcf76f155ced4ddcb4097134ff3c332f xmlns="9be019c3-3580-42fe-a754-d6d215b7a654">
      <Terms xmlns="http://schemas.microsoft.com/office/infopath/2007/PartnerControls"/>
    </lcf76f155ced4ddcb4097134ff3c332f>
    <TaxCatchAll xmlns="a7bc6c04-a6f3-4b85-abcc-278c78dc556b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97B0B8D68BF9347AC68B8F2E6F193CA" ma:contentTypeVersion="26" ma:contentTypeDescription="Create a new document." ma:contentTypeScope="" ma:versionID="9b101bd450c9c011c6f39c3b3ae7adac">
  <xsd:schema xmlns:xsd="http://www.w3.org/2001/XMLSchema" xmlns:xs="http://www.w3.org/2001/XMLSchema" xmlns:p="http://schemas.microsoft.com/office/2006/metadata/properties" xmlns:ns2="9be019c3-3580-42fe-a754-d6d215b7a654" xmlns:ns3="a7bc6c04-a6f3-4b85-abcc-278c78dc556b" xmlns:ns4="4edf065e-e899-4507-b806-4de9b8c865c4" targetNamespace="http://schemas.microsoft.com/office/2006/metadata/properties" ma:root="true" ma:fieldsID="798b9a484277cd0422d12e7d9ea3a704" ns2:_="" ns3:_="" ns4:_="">
    <xsd:import namespace="9be019c3-3580-42fe-a754-d6d215b7a654"/>
    <xsd:import namespace="a7bc6c04-a6f3-4b85-abcc-278c78dc556b"/>
    <xsd:import namespace="4edf065e-e899-4507-b806-4de9b8c865c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LengthInSeconds" minOccurs="0"/>
                <xsd:element ref="ns2:MediaServiceAutoKeyPoints" minOccurs="0"/>
                <xsd:element ref="ns2:MediaServiceKeyPoint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Location" minOccurs="0"/>
                <xsd:element ref="ns2:a5127af0-624b-4579-bde3-e65e84bd99e3CountryOrRegion" minOccurs="0"/>
                <xsd:element ref="ns2:a5127af0-624b-4579-bde3-e65e84bd99e3State" minOccurs="0"/>
                <xsd:element ref="ns2:a5127af0-624b-4579-bde3-e65e84bd99e3City" minOccurs="0"/>
                <xsd:element ref="ns2:a5127af0-624b-4579-bde3-e65e84bd99e3PostalCode" minOccurs="0"/>
                <xsd:element ref="ns2:a5127af0-624b-4579-bde3-e65e84bd99e3Street" minOccurs="0"/>
                <xsd:element ref="ns2:a5127af0-624b-4579-bde3-e65e84bd99e3GeoLoc" minOccurs="0"/>
                <xsd:element ref="ns2:a5127af0-624b-4579-bde3-e65e84bd99e3DispName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Location" minOccurs="0"/>
                <xsd:element ref="ns2:MediaServiceSearchProperties" minOccurs="0"/>
                <xsd:element ref="ns4:SharedWithUsers" minOccurs="0"/>
                <xsd:element ref="ns4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be019c3-3580-42fe-a754-d6d215b7a65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LengthInSeconds" ma:index="1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AutoKeyPoints" ma:index="1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Location" ma:index="18" nillable="true" ma:displayName="Location" ma:format="Dropdown" ma:internalName="Location">
      <xsd:simpleType>
        <xsd:restriction base="dms:Unknown"/>
      </xsd:simpleType>
    </xsd:element>
    <xsd:element name="a5127af0-624b-4579-bde3-e65e84bd99e3CountryOrRegion" ma:index="19" nillable="true" ma:displayName="Location: Country/Region" ma:internalName="CountryOrRegion" ma:readOnly="true">
      <xsd:simpleType>
        <xsd:restriction base="dms:Text"/>
      </xsd:simpleType>
    </xsd:element>
    <xsd:element name="a5127af0-624b-4579-bde3-e65e84bd99e3State" ma:index="20" nillable="true" ma:displayName="Location: State" ma:internalName="State" ma:readOnly="true">
      <xsd:simpleType>
        <xsd:restriction base="dms:Text"/>
      </xsd:simpleType>
    </xsd:element>
    <xsd:element name="a5127af0-624b-4579-bde3-e65e84bd99e3City" ma:index="21" nillable="true" ma:displayName="Location: City" ma:internalName="City" ma:readOnly="true">
      <xsd:simpleType>
        <xsd:restriction base="dms:Text"/>
      </xsd:simpleType>
    </xsd:element>
    <xsd:element name="a5127af0-624b-4579-bde3-e65e84bd99e3PostalCode" ma:index="22" nillable="true" ma:displayName="Location: Postal Code" ma:internalName="PostalCode" ma:readOnly="true">
      <xsd:simpleType>
        <xsd:restriction base="dms:Text"/>
      </xsd:simpleType>
    </xsd:element>
    <xsd:element name="a5127af0-624b-4579-bde3-e65e84bd99e3Street" ma:index="23" nillable="true" ma:displayName="Location: Street" ma:internalName="Street" ma:readOnly="true">
      <xsd:simpleType>
        <xsd:restriction base="dms:Text"/>
      </xsd:simpleType>
    </xsd:element>
    <xsd:element name="a5127af0-624b-4579-bde3-e65e84bd99e3GeoLoc" ma:index="24" nillable="true" ma:displayName="Location: Coordinates" ma:internalName="GeoLoc" ma:readOnly="true">
      <xsd:simpleType>
        <xsd:restriction base="dms:Unknown"/>
      </xsd:simpleType>
    </xsd:element>
    <xsd:element name="a5127af0-624b-4579-bde3-e65e84bd99e3DispName" ma:index="25" nillable="true" ma:displayName="Location: Name" ma:internalName="DispName" ma:readOnly="true">
      <xsd:simpleType>
        <xsd:restriction base="dms:Text"/>
      </xsd:simpleType>
    </xsd:element>
    <xsd:element name="MediaServiceObjectDetectorVersions" ma:index="26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28" nillable="true" ma:taxonomy="true" ma:internalName="lcf76f155ced4ddcb4097134ff3c332f" ma:taxonomyFieldName="MediaServiceImageTags" ma:displayName="Image Tags" ma:readOnly="false" ma:fieldId="{5cf76f15-5ced-4ddc-b409-7134ff3c332f}" ma:taxonomyMulti="true" ma:sspId="72a7515c-90a7-421b-ad67-16208a055132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Location" ma:index="30" nillable="true" ma:displayName="Location" ma:indexed="true" ma:internalName="MediaServiceLocation" ma:readOnly="true">
      <xsd:simpleType>
        <xsd:restriction base="dms:Text"/>
      </xsd:simpleType>
    </xsd:element>
    <xsd:element name="MediaServiceSearchProperties" ma:index="3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7bc6c04-a6f3-4b85-abcc-278c78dc556b" elementFormDefault="qualified">
    <xsd:import namespace="http://schemas.microsoft.com/office/2006/documentManagement/types"/>
    <xsd:import namespace="http://schemas.microsoft.com/office/infopath/2007/PartnerControls"/>
    <xsd:element name="TaxCatchAll" ma:index="29" nillable="true" ma:displayName="Taxonomy Catch All Column" ma:hidden="true" ma:list="{8c2b5cda-95a6-4a70-85ef-f39ebb97691c}" ma:internalName="TaxCatchAll" ma:showField="CatchAllData" ma:web="4edf065e-e899-4507-b806-4de9b8c865c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edf065e-e899-4507-b806-4de9b8c865c4" elementFormDefault="qualified">
    <xsd:import namespace="http://schemas.microsoft.com/office/2006/documentManagement/types"/>
    <xsd:import namespace="http://schemas.microsoft.com/office/infopath/2007/PartnerControls"/>
    <xsd:element name="SharedWithUsers" ma:index="3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3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674BE963-C1A7-4D3F-A1BE-1CD976FB790A}">
  <ds:schemaRefs>
    <ds:schemaRef ds:uri="http://purl.org/dc/elements/1.1/"/>
    <ds:schemaRef ds:uri="http://purl.org/dc/terms/"/>
    <ds:schemaRef ds:uri="4edf065e-e899-4507-b806-4de9b8c865c4"/>
    <ds:schemaRef ds:uri="a7bc6c04-a6f3-4b85-abcc-278c78dc556b"/>
    <ds:schemaRef ds:uri="http://schemas.microsoft.com/office/2006/documentManagement/types"/>
    <ds:schemaRef ds:uri="http://purl.org/dc/dcmitype/"/>
    <ds:schemaRef ds:uri="9be019c3-3580-42fe-a754-d6d215b7a654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FE464489-4EED-47E3-AE49-01F08FF6412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EB44E32-52A6-4040-837D-09D44D197F88}">
  <ds:schemaRefs>
    <ds:schemaRef ds:uri="4edf065e-e899-4507-b806-4de9b8c865c4"/>
    <ds:schemaRef ds:uri="9be019c3-3580-42fe-a754-d6d215b7a654"/>
    <ds:schemaRef ds:uri="a7bc6c04-a6f3-4b85-abcc-278c78dc556b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79</Words>
  <Application>Microsoft Office PowerPoint</Application>
  <PresentationFormat>On-screen Show (16:9)</PresentationFormat>
  <Paragraphs>247</Paragraphs>
  <Slides>19</Slides>
  <Notes>13</Notes>
  <HiddenSlides>4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9</vt:i4>
      </vt:variant>
    </vt:vector>
  </HeadingPairs>
  <TitlesOfParts>
    <vt:vector size="30" baseType="lpstr">
      <vt:lpstr>Red Hat Display</vt:lpstr>
      <vt:lpstr>Ericsson Hilda</vt:lpstr>
      <vt:lpstr>Red Hat Text Medium</vt:lpstr>
      <vt:lpstr>IntelOne Text Light</vt:lpstr>
      <vt:lpstr>Arial</vt:lpstr>
      <vt:lpstr>Ericsson Hilda Light</vt:lpstr>
      <vt:lpstr>Calibri</vt:lpstr>
      <vt:lpstr>Nunito</vt:lpstr>
      <vt:lpstr>Maven Pro</vt:lpstr>
      <vt:lpstr>Momentum</vt:lpstr>
      <vt:lpstr>Simple Light</vt:lpstr>
      <vt:lpstr>PowerPoint Presentation</vt:lpstr>
      <vt:lpstr>Agenda</vt:lpstr>
      <vt:lpstr>PowerPoint Presentation</vt:lpstr>
      <vt:lpstr>Network Architecture</vt:lpstr>
      <vt:lpstr>EVPN – Overlay and Network Separation</vt:lpstr>
      <vt:lpstr>K8s Tenant Networking  &amp; EVPN GW Design</vt:lpstr>
      <vt:lpstr>EVPN Network Provisioning API</vt:lpstr>
      <vt:lpstr>Tenant Networking &amp; EVPN GW offload – Target Architecture</vt:lpstr>
      <vt:lpstr>OPI-EVPN-Bridge Architecture</vt:lpstr>
      <vt:lpstr>PowerPoint Presentation</vt:lpstr>
      <vt:lpstr>Flexible modular design</vt:lpstr>
      <vt:lpstr>PowerPoint Presentation</vt:lpstr>
      <vt:lpstr>Sequence Diagrams</vt:lpstr>
      <vt:lpstr>References</vt:lpstr>
      <vt:lpstr>THANK YOU!</vt:lpstr>
      <vt:lpstr>Backup</vt:lpstr>
      <vt:lpstr>EVPN Control and Data Plane</vt:lpstr>
      <vt:lpstr>Network scenario</vt:lpstr>
      <vt:lpstr>EVPN rout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ynch, Michael A</dc:creator>
  <cp:lastModifiedBy>Dimitrios Markou</cp:lastModifiedBy>
  <cp:revision>1</cp:revision>
  <cp:lastPrinted>2023-02-24T15:37:06Z</cp:lastPrinted>
  <dcterms:modified xsi:type="dcterms:W3CDTF">2024-02-16T13:00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97B0B8D68BF9347AC68B8F2E6F193CA</vt:lpwstr>
  </property>
  <property fmtid="{D5CDD505-2E9C-101B-9397-08002B2CF9AE}" pid="3" name="MediaServiceImageTags">
    <vt:lpwstr/>
  </property>
</Properties>
</file>